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7231"/>
  <workbookPr autoCompressPictures="0"/>
  <mc:AlternateContent xmlns:mc="http://schemas.openxmlformats.org/markup-compatibility/2006">
    <mc:Choice Requires="x15">
      <x15ac:absPath xmlns:x15ac="http://schemas.microsoft.com/office/spreadsheetml/2010/11/ac" url="\\10.2.108.50\s23902007\０２　指導監査\002 自主点検表等\自主点検表\R5年度\No.7_老人福祉施設\HP_20240214\"/>
    </mc:Choice>
  </mc:AlternateContent>
  <xr:revisionPtr revIDLastSave="0" documentId="13_ncr:1_{D5DB6D09-E766-46A7-9AC6-08B9AF688C88}" xr6:coauthVersionLast="47" xr6:coauthVersionMax="47" xr10:uidLastSave="{00000000-0000-0000-0000-000000000000}"/>
  <bookViews>
    <workbookView xWindow="-98" yWindow="-98" windowWidth="21795" windowHeight="13996" tabRatio="875" xr2:uid="{00000000-000D-0000-FFFF-FFFF00000000}"/>
  </bookViews>
  <sheets>
    <sheet name="自主点検表（7-(1)）" sheetId="11" r:id="rId1"/>
    <sheet name="根拠法令等" sheetId="12" state="hidden" r:id="rId2"/>
    <sheet name="入所者一覧表" sheetId="18" r:id="rId3"/>
    <sheet name="前年度の施設入所者等の状況" sheetId="19" r:id="rId4"/>
    <sheet name="防災訓練の実施状況" sheetId="20" r:id="rId5"/>
    <sheet name="別表１" sheetId="17" state="hidden" r:id="rId6"/>
  </sheets>
  <definedNames>
    <definedName name="_xlnm.Print_Area" localSheetId="0">'自主点検表（7-(1)）'!$A$1:$M$130,'自主点検表（7-(1)）'!$A$131:$P$1260</definedName>
    <definedName name="_xlnm.Print_Area" localSheetId="2">入所者一覧表!$A$1:$H$43</definedName>
    <definedName name="_xlnm.Print_Area" localSheetId="4">防災訓練の実施状況!$A$1:$N$28</definedName>
    <definedName name="_xlnm.Print_Titles" localSheetId="0">'自主点検表（7-(1)）'!$131:$132</definedName>
  </definedNames>
  <calcPr calcId="191029"/>
  <extLst>
    <ext xmlns:x14="http://schemas.microsoft.com/office/spreadsheetml/2009/9/main" uri="{79F54976-1DA5-4618-B147-4CDE4B953A38}">
      <x14:workbookPr defaultImageDpi="330"/>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E17" i="19" l="1"/>
  <c r="F17" i="19" s="1"/>
  <c r="C17" i="19"/>
  <c r="D17" i="19" s="1"/>
  <c r="B17" i="19"/>
  <c r="H16" i="19"/>
  <c r="G16" i="19"/>
  <c r="F16" i="19"/>
  <c r="D16" i="19"/>
  <c r="G15" i="19"/>
  <c r="H15" i="19" s="1"/>
  <c r="F15" i="19"/>
  <c r="D15" i="19"/>
  <c r="G14" i="19"/>
  <c r="H14" i="19" s="1"/>
  <c r="F14" i="19"/>
  <c r="D14" i="19"/>
  <c r="H13" i="19"/>
  <c r="G13" i="19"/>
  <c r="F13" i="19"/>
  <c r="D13" i="19"/>
  <c r="G12" i="19"/>
  <c r="H12" i="19" s="1"/>
  <c r="F12" i="19"/>
  <c r="D12" i="19"/>
  <c r="G11" i="19"/>
  <c r="H11" i="19" s="1"/>
  <c r="F11" i="19"/>
  <c r="D11" i="19"/>
  <c r="H10" i="19"/>
  <c r="G10" i="19"/>
  <c r="F10" i="19"/>
  <c r="D10" i="19"/>
  <c r="G9" i="19"/>
  <c r="H9" i="19" s="1"/>
  <c r="F9" i="19"/>
  <c r="D9" i="19"/>
  <c r="G8" i="19"/>
  <c r="H8" i="19" s="1"/>
  <c r="F8" i="19"/>
  <c r="D8" i="19"/>
  <c r="H7" i="19"/>
  <c r="G7" i="19"/>
  <c r="F7" i="19"/>
  <c r="D7" i="19"/>
  <c r="G6" i="19"/>
  <c r="H6" i="19" s="1"/>
  <c r="F6" i="19"/>
  <c r="D6" i="19"/>
  <c r="G5" i="19"/>
  <c r="G17" i="19" s="1"/>
  <c r="H17" i="19" s="1"/>
  <c r="F5" i="19"/>
  <c r="D5" i="19"/>
  <c r="H5" i="19" l="1"/>
  <c r="I188" i="11"/>
  <c r="I189" i="11"/>
  <c r="I190" i="11"/>
  <c r="I191" i="11"/>
  <c r="I192" i="11"/>
  <c r="I193" i="11"/>
  <c r="I194" i="11"/>
  <c r="I195" i="11"/>
  <c r="I196" i="11"/>
  <c r="I197" i="11"/>
  <c r="I198" i="11"/>
  <c r="I199" i="11"/>
</calcChain>
</file>

<file path=xl/sharedStrings.xml><?xml version="1.0" encoding="utf-8"?>
<sst xmlns="http://schemas.openxmlformats.org/spreadsheetml/2006/main" count="1503" uniqueCount="731">
  <si>
    <t>施設長</t>
    <rPh sb="0" eb="2">
      <t>シセツ</t>
    </rPh>
    <rPh sb="2" eb="3">
      <t>チョウ</t>
    </rPh>
    <phoneticPr fontId="1"/>
  </si>
  <si>
    <t>確認文書</t>
    <rPh sb="0" eb="2">
      <t>カクニン</t>
    </rPh>
    <rPh sb="2" eb="4">
      <t>ブンショ</t>
    </rPh>
    <phoneticPr fontId="1"/>
  </si>
  <si>
    <t>確認項目</t>
    <rPh sb="0" eb="2">
      <t>カクニン</t>
    </rPh>
    <rPh sb="2" eb="4">
      <t>コウモク</t>
    </rPh>
    <phoneticPr fontId="1"/>
  </si>
  <si>
    <t>非常災害対策</t>
    <rPh sb="0" eb="2">
      <t>ヒジョウ</t>
    </rPh>
    <rPh sb="2" eb="4">
      <t>サイガイ</t>
    </rPh>
    <rPh sb="4" eb="6">
      <t>タイサク</t>
    </rPh>
    <phoneticPr fontId="1"/>
  </si>
  <si>
    <t>施設の目的及び運営の方針</t>
    <rPh sb="0" eb="2">
      <t>シセツ</t>
    </rPh>
    <rPh sb="3" eb="5">
      <t>モクテキ</t>
    </rPh>
    <rPh sb="5" eb="6">
      <t>オヨ</t>
    </rPh>
    <rPh sb="7" eb="9">
      <t>ウンエイ</t>
    </rPh>
    <rPh sb="10" eb="12">
      <t>ホウシン</t>
    </rPh>
    <phoneticPr fontId="1"/>
  </si>
  <si>
    <t>職員の職種、数及び職務の内容</t>
    <rPh sb="0" eb="2">
      <t>ショクイン</t>
    </rPh>
    <rPh sb="3" eb="5">
      <t>ショクシュ</t>
    </rPh>
    <rPh sb="6" eb="7">
      <t>カズ</t>
    </rPh>
    <rPh sb="7" eb="8">
      <t>オヨ</t>
    </rPh>
    <rPh sb="9" eb="11">
      <t>ショクム</t>
    </rPh>
    <rPh sb="12" eb="14">
      <t>ナイヨウ</t>
    </rPh>
    <phoneticPr fontId="1"/>
  </si>
  <si>
    <t>入所定員</t>
    <rPh sb="0" eb="2">
      <t>ニュウショ</t>
    </rPh>
    <rPh sb="2" eb="4">
      <t>テイイン</t>
    </rPh>
    <phoneticPr fontId="1"/>
  </si>
  <si>
    <t>施設の利用に当たっての留意事項</t>
    <rPh sb="0" eb="2">
      <t>シセツ</t>
    </rPh>
    <rPh sb="3" eb="5">
      <t>リヨウ</t>
    </rPh>
    <rPh sb="6" eb="7">
      <t>ア</t>
    </rPh>
    <rPh sb="11" eb="13">
      <t>リュウイ</t>
    </rPh>
    <rPh sb="13" eb="15">
      <t>ジコウ</t>
    </rPh>
    <phoneticPr fontId="1"/>
  </si>
  <si>
    <t>その他施設の運営に関する重要事項</t>
    <rPh sb="2" eb="3">
      <t>タ</t>
    </rPh>
    <rPh sb="3" eb="5">
      <t>シセツ</t>
    </rPh>
    <rPh sb="6" eb="8">
      <t>ウンエイ</t>
    </rPh>
    <rPh sb="9" eb="10">
      <t>カン</t>
    </rPh>
    <rPh sb="12" eb="14">
      <t>ジュウヨウ</t>
    </rPh>
    <rPh sb="14" eb="16">
      <t>ジコウ</t>
    </rPh>
    <phoneticPr fontId="1"/>
  </si>
  <si>
    <t>区分</t>
    <rPh sb="0" eb="2">
      <t>クブン</t>
    </rPh>
    <phoneticPr fontId="1"/>
  </si>
  <si>
    <t>基準数</t>
    <rPh sb="0" eb="2">
      <t>キジュン</t>
    </rPh>
    <rPh sb="2" eb="3">
      <t>スウ</t>
    </rPh>
    <phoneticPr fontId="1"/>
  </si>
  <si>
    <t>現員数</t>
    <rPh sb="0" eb="2">
      <t>ゲンイン</t>
    </rPh>
    <rPh sb="2" eb="3">
      <t>スウ</t>
    </rPh>
    <phoneticPr fontId="1"/>
  </si>
  <si>
    <t>常勤</t>
    <rPh sb="0" eb="2">
      <t>ジョウキン</t>
    </rPh>
    <phoneticPr fontId="1"/>
  </si>
  <si>
    <t>無資格</t>
    <rPh sb="0" eb="3">
      <t>ムシカク</t>
    </rPh>
    <phoneticPr fontId="1"/>
  </si>
  <si>
    <t>過不足数</t>
    <rPh sb="0" eb="3">
      <t>カフソク</t>
    </rPh>
    <rPh sb="3" eb="4">
      <t>スウ</t>
    </rPh>
    <phoneticPr fontId="1"/>
  </si>
  <si>
    <t>医師</t>
    <rPh sb="0" eb="2">
      <t>イシ</t>
    </rPh>
    <phoneticPr fontId="1"/>
  </si>
  <si>
    <t>生活相談員</t>
    <rPh sb="0" eb="2">
      <t>セイカツ</t>
    </rPh>
    <rPh sb="2" eb="5">
      <t>ソウダンイン</t>
    </rPh>
    <phoneticPr fontId="1"/>
  </si>
  <si>
    <t>看護職員</t>
    <rPh sb="0" eb="4">
      <t>カンゴショクイン</t>
    </rPh>
    <phoneticPr fontId="1"/>
  </si>
  <si>
    <t>栄養士</t>
    <rPh sb="0" eb="3">
      <t>エイヨウシ</t>
    </rPh>
    <phoneticPr fontId="1"/>
  </si>
  <si>
    <t>調理員</t>
    <rPh sb="0" eb="3">
      <t>チョウリイン</t>
    </rPh>
    <phoneticPr fontId="1"/>
  </si>
  <si>
    <t>事務員</t>
    <rPh sb="0" eb="2">
      <t>ジム</t>
    </rPh>
    <rPh sb="2" eb="3">
      <t>イン</t>
    </rPh>
    <phoneticPr fontId="1"/>
  </si>
  <si>
    <t>その他（　　　）</t>
    <rPh sb="2" eb="3">
      <t>タ</t>
    </rPh>
    <phoneticPr fontId="1"/>
  </si>
  <si>
    <t>点検結果</t>
    <rPh sb="0" eb="2">
      <t>テンケン</t>
    </rPh>
    <rPh sb="2" eb="4">
      <t>ケッカ</t>
    </rPh>
    <phoneticPr fontId="1"/>
  </si>
  <si>
    <t>適</t>
    <rPh sb="0" eb="1">
      <t>テキ</t>
    </rPh>
    <phoneticPr fontId="1"/>
  </si>
  <si>
    <t>不適</t>
    <rPh sb="0" eb="2">
      <t>フテキ</t>
    </rPh>
    <phoneticPr fontId="1"/>
  </si>
  <si>
    <t>□勤務体制一覧表</t>
    <rPh sb="1" eb="3">
      <t>キンム</t>
    </rPh>
    <rPh sb="3" eb="5">
      <t>タイセイ</t>
    </rPh>
    <rPh sb="5" eb="8">
      <t>イチランヒョウ</t>
    </rPh>
    <phoneticPr fontId="1"/>
  </si>
  <si>
    <t>□勤務実績表</t>
    <rPh sb="1" eb="3">
      <t>キンム</t>
    </rPh>
    <rPh sb="3" eb="5">
      <t>ジッセキ</t>
    </rPh>
    <rPh sb="5" eb="6">
      <t>ヒョウ</t>
    </rPh>
    <phoneticPr fontId="1"/>
  </si>
  <si>
    <t>　／タイムカード</t>
    <phoneticPr fontId="1"/>
  </si>
  <si>
    <t>□平面図</t>
    <rPh sb="1" eb="4">
      <t>ヘイメンズ</t>
    </rPh>
    <phoneticPr fontId="1"/>
  </si>
  <si>
    <t>□運営規程</t>
    <rPh sb="1" eb="3">
      <t>ウンエイ</t>
    </rPh>
    <rPh sb="3" eb="5">
      <t>キテイ</t>
    </rPh>
    <phoneticPr fontId="1"/>
  </si>
  <si>
    <t>□避難訓練の記録</t>
    <rPh sb="1" eb="3">
      <t>ヒナン</t>
    </rPh>
    <rPh sb="3" eb="5">
      <t>クンレン</t>
    </rPh>
    <rPh sb="6" eb="8">
      <t>キロク</t>
    </rPh>
    <phoneticPr fontId="1"/>
  </si>
  <si>
    <t>□通報、連絡体制</t>
    <rPh sb="1" eb="3">
      <t>ツウホウ</t>
    </rPh>
    <rPh sb="4" eb="6">
      <t>レンラク</t>
    </rPh>
    <rPh sb="6" eb="8">
      <t>タイセイ</t>
    </rPh>
    <phoneticPr fontId="1"/>
  </si>
  <si>
    <t>□消防署への届出</t>
    <rPh sb="1" eb="4">
      <t>ショウボウショ</t>
    </rPh>
    <rPh sb="6" eb="8">
      <t>トドケデ</t>
    </rPh>
    <phoneticPr fontId="1"/>
  </si>
  <si>
    <t>□消防用設備点検の記録</t>
    <rPh sb="1" eb="4">
      <t>ショウボウヨウ</t>
    </rPh>
    <rPh sb="4" eb="6">
      <t>セツビ</t>
    </rPh>
    <rPh sb="6" eb="8">
      <t>テンケン</t>
    </rPh>
    <rPh sb="9" eb="11">
      <t>キロク</t>
    </rPh>
    <phoneticPr fontId="1"/>
  </si>
  <si>
    <t>□サービス提供記録</t>
    <rPh sb="5" eb="7">
      <t>テイキョウ</t>
    </rPh>
    <rPh sb="7" eb="9">
      <t>キロク</t>
    </rPh>
    <phoneticPr fontId="1"/>
  </si>
  <si>
    <t>□処遇に関する記録</t>
    <rPh sb="1" eb="3">
      <t>ショグウ</t>
    </rPh>
    <rPh sb="4" eb="5">
      <t>カン</t>
    </rPh>
    <rPh sb="7" eb="9">
      <t>キロク</t>
    </rPh>
    <phoneticPr fontId="1"/>
  </si>
  <si>
    <t>□業務日誌</t>
    <rPh sb="1" eb="3">
      <t>ギョウム</t>
    </rPh>
    <rPh sb="3" eb="5">
      <t>ニッシ</t>
    </rPh>
    <phoneticPr fontId="1"/>
  </si>
  <si>
    <t>□モニタリングシート</t>
    <phoneticPr fontId="1"/>
  </si>
  <si>
    <t>□アセスメントシート</t>
    <phoneticPr fontId="1"/>
  </si>
  <si>
    <t>※入所者又は家族の同意</t>
    <rPh sb="1" eb="4">
      <t>ニュウショシャ</t>
    </rPh>
    <rPh sb="4" eb="5">
      <t>マタ</t>
    </rPh>
    <rPh sb="6" eb="8">
      <t>カゾク</t>
    </rPh>
    <rPh sb="9" eb="11">
      <t>ドウイ</t>
    </rPh>
    <phoneticPr fontId="1"/>
  </si>
  <si>
    <t>　を確認できるもの</t>
    <rPh sb="2" eb="4">
      <t>カクニン</t>
    </rPh>
    <phoneticPr fontId="1"/>
  </si>
  <si>
    <t>□サービス提供記録</t>
    <rPh sb="5" eb="9">
      <t>テイキョウキロク</t>
    </rPh>
    <phoneticPr fontId="1"/>
  </si>
  <si>
    <t>□身体的拘束等の適正化</t>
    <rPh sb="1" eb="6">
      <t>シンタイテキコウソク</t>
    </rPh>
    <rPh sb="6" eb="7">
      <t>トウ</t>
    </rPh>
    <rPh sb="8" eb="11">
      <t>テキセイカ</t>
    </rPh>
    <phoneticPr fontId="1"/>
  </si>
  <si>
    <t>　のための指針</t>
    <rPh sb="5" eb="7">
      <t>シシン</t>
    </rPh>
    <phoneticPr fontId="1"/>
  </si>
  <si>
    <t>□身体的拘束適正化検討</t>
    <rPh sb="1" eb="6">
      <t>シンタイテキコウソク</t>
    </rPh>
    <rPh sb="6" eb="9">
      <t>テキセイカ</t>
    </rPh>
    <rPh sb="9" eb="11">
      <t>ケントウ</t>
    </rPh>
    <phoneticPr fontId="1"/>
  </si>
  <si>
    <t>　委員会名簿</t>
    <phoneticPr fontId="1"/>
  </si>
  <si>
    <t>　委員会議事録</t>
    <rPh sb="1" eb="4">
      <t>イインカイ</t>
    </rPh>
    <rPh sb="4" eb="7">
      <t>ギジロク</t>
    </rPh>
    <phoneticPr fontId="1"/>
  </si>
  <si>
    <t>□入所者の記録、家族へ</t>
    <rPh sb="1" eb="4">
      <t>ニュウショシャ</t>
    </rPh>
    <rPh sb="5" eb="7">
      <t>キロク</t>
    </rPh>
    <rPh sb="8" eb="10">
      <t>カゾク</t>
    </rPh>
    <phoneticPr fontId="1"/>
  </si>
  <si>
    <t>　の確認書</t>
    <rPh sb="2" eb="5">
      <t>カクニンショ</t>
    </rPh>
    <phoneticPr fontId="1"/>
  </si>
  <si>
    <t>○厚生労働大臣が定める感染症又は食中毒の発生が疑われる際の対処等に関する手順
一　養護老人ホーム、指定介護老人福祉施設、介護老人保健施設、指定介護療養型医療施設若しくは介護医療院、特別
　養護老人ホーム、指定地域密着型介護老人福祉施設又は軽費老人ホーム（以下「養護老人ホーム等」という。）の従
　業者が、入所者、入居者又は入院患者について、感染症又は食中毒の発生を疑ったときは、速やかに管理者又は施設
　長（以下「管理者等」という。）に報告する体制を整えること。
二　養護老人ホーム等の管理者等は、当該養護老人ホーム等における感染症若しくは食中毒の発生を疑ったとき又は前
　号の報告を受けたときは、従業者に対して必要な指示を行わなければならないこと。</t>
    <phoneticPr fontId="1"/>
  </si>
  <si>
    <t>五　養護老人ホーム等の管理者等及び医師、看護職員その他の従業者は、感染症若しくは食中毒の患者又はそれらの疑
　いのある者（以下「有症者等」という。）の状態に応じ、協力病院をはじめとする地域の医療機関等との連携を図る
　ことその他の適切な措置を講じなければならないこと。
六　養護老人ホーム等は、感染症若しくは食中毒の発生又はそれが疑われる状況が生じたときの有症者等の状況及び各
　有症者等に講じた措置等を記録しなければならないこと。</t>
    <phoneticPr fontId="1"/>
  </si>
  <si>
    <t>七　養護老人ホーム等の管理者等は、イからハまでに掲げる場合には、有症者等の人数、症状、対応状況等を市町村及
　び保健所に迅速に報告するとともに、市町村又は保健所からの指示を求めることその他の措置を講じなければならな
　いこと。
　イ　同一の感染症若しくは食中毒による又はそれらによると疑われる死亡者又は重篤な患者が一週間内に二名以上発
　　生した場合
　ロ　同一の有症者等が十名以上又は全利用者の半数以上発生した場合
　ハ　イ及びロに掲げる場合のほか、通常の発生動向を上回る感染症等の発生が疑われ、特に管理者等が報告を必要と
　　認めた場合
八　前号の報告を行った養護老人ホーム等は、その原因の究明に資するため、当該有症者等を診察する医師等と連携の
　上、血液、便、吐物等の検体を確保するよう努めなければならないこと。</t>
    <phoneticPr fontId="1"/>
  </si>
  <si>
    <t>【虐待の防止のための指針】
・次のような項目を盛り込むこと。
　①施設における虐待の防止に関する基本的考え方
　②虐待防止検討委員会その他施設内の組織に関する事項
　③虐待の防止のための職員研修に関する基本方針
　④虐待等が発生した場合の対応方法に関する基本方針
　⑤虐待等が発生した場合の相談・報告体制に関する事項
　⑥成年後見制度の利用支援に関する事項
　⑦虐待等に係る苦情解決方法に関する事項
　⑧入所者等に対する当該指針の閲覧に関する事項
　⑨その他虐待の防止の推進のために必要な事項</t>
    <rPh sb="1" eb="3">
      <t>ギャクタイ</t>
    </rPh>
    <rPh sb="4" eb="6">
      <t>ボウシ</t>
    </rPh>
    <rPh sb="10" eb="12">
      <t>シシン</t>
    </rPh>
    <phoneticPr fontId="1"/>
  </si>
  <si>
    <t>□委員会の開催記録</t>
    <rPh sb="1" eb="4">
      <t>イインカイ</t>
    </rPh>
    <rPh sb="5" eb="7">
      <t>カイサイ</t>
    </rPh>
    <rPh sb="7" eb="9">
      <t>キロク</t>
    </rPh>
    <phoneticPr fontId="1"/>
  </si>
  <si>
    <t>□虐待の発生・再発防止</t>
    <rPh sb="1" eb="3">
      <t>ギャクタイ</t>
    </rPh>
    <rPh sb="4" eb="6">
      <t>ハッセイ</t>
    </rPh>
    <rPh sb="7" eb="9">
      <t>サイハツ</t>
    </rPh>
    <rPh sb="9" eb="11">
      <t>ボウシ</t>
    </rPh>
    <phoneticPr fontId="1"/>
  </si>
  <si>
    <t>　の指針</t>
    <rPh sb="2" eb="4">
      <t>シシン</t>
    </rPh>
    <phoneticPr fontId="1"/>
  </si>
  <si>
    <t>□研修計画、実施記録</t>
    <rPh sb="1" eb="3">
      <t>ケンシュウ</t>
    </rPh>
    <rPh sb="3" eb="5">
      <t>ケイカク</t>
    </rPh>
    <rPh sb="6" eb="8">
      <t>ジッシ</t>
    </rPh>
    <rPh sb="8" eb="10">
      <t>キロク</t>
    </rPh>
    <phoneticPr fontId="1"/>
  </si>
  <si>
    <t>□担当者を設置したこと</t>
    <rPh sb="1" eb="4">
      <t>タントウシャ</t>
    </rPh>
    <rPh sb="5" eb="7">
      <t>セッチ</t>
    </rPh>
    <phoneticPr fontId="1"/>
  </si>
  <si>
    <t>　が分かる文書</t>
    <phoneticPr fontId="1"/>
  </si>
  <si>
    <t>□雇用の形態（常勤・非</t>
    <rPh sb="1" eb="3">
      <t>コヨウ</t>
    </rPh>
    <rPh sb="4" eb="6">
      <t>ケイタイ</t>
    </rPh>
    <rPh sb="7" eb="9">
      <t>ジョウキン</t>
    </rPh>
    <rPh sb="10" eb="11">
      <t>ヒ</t>
    </rPh>
    <phoneticPr fontId="1"/>
  </si>
  <si>
    <t>　常勤）が分かる文書</t>
    <rPh sb="5" eb="6">
      <t>ワ</t>
    </rPh>
    <rPh sb="8" eb="10">
      <t>ブンショ</t>
    </rPh>
    <phoneticPr fontId="1"/>
  </si>
  <si>
    <t>□研修計画、実施記録</t>
    <rPh sb="1" eb="3">
      <t>ケンシュウ</t>
    </rPh>
    <rPh sb="3" eb="5">
      <t>ケイカク</t>
    </rPh>
    <rPh sb="6" eb="10">
      <t>ジッシキロク</t>
    </rPh>
    <phoneticPr fontId="1"/>
  </si>
  <si>
    <t>□方針、相談記録</t>
    <rPh sb="1" eb="3">
      <t>ホウシン</t>
    </rPh>
    <rPh sb="4" eb="6">
      <t>ソウダン</t>
    </rPh>
    <rPh sb="6" eb="8">
      <t>キロク</t>
    </rPh>
    <phoneticPr fontId="1"/>
  </si>
  <si>
    <t>□業務継続計画</t>
    <rPh sb="1" eb="7">
      <t>ギョウムケイゾクケイカク</t>
    </rPh>
    <phoneticPr fontId="1"/>
  </si>
  <si>
    <t>□研修及び訓練計画、</t>
    <rPh sb="1" eb="3">
      <t>ケンシュウ</t>
    </rPh>
    <rPh sb="3" eb="4">
      <t>オヨ</t>
    </rPh>
    <rPh sb="5" eb="7">
      <t>クンレン</t>
    </rPh>
    <rPh sb="7" eb="9">
      <t>ケイカク</t>
    </rPh>
    <phoneticPr fontId="1"/>
  </si>
  <si>
    <t>　実施記録</t>
    <phoneticPr fontId="1"/>
  </si>
  <si>
    <t>□委員会名簿、記録</t>
    <rPh sb="1" eb="4">
      <t>イインカイ</t>
    </rPh>
    <rPh sb="4" eb="6">
      <t>メイボ</t>
    </rPh>
    <rPh sb="7" eb="9">
      <t>キロク</t>
    </rPh>
    <phoneticPr fontId="1"/>
  </si>
  <si>
    <t>□研修及び訓練の記録</t>
    <rPh sb="1" eb="3">
      <t>ケンシュウ</t>
    </rPh>
    <rPh sb="3" eb="4">
      <t>オヨ</t>
    </rPh>
    <rPh sb="5" eb="7">
      <t>クンレン</t>
    </rPh>
    <rPh sb="8" eb="10">
      <t>キロク</t>
    </rPh>
    <phoneticPr fontId="1"/>
  </si>
  <si>
    <t>□個人情報同意書</t>
    <rPh sb="1" eb="3">
      <t>コジン</t>
    </rPh>
    <rPh sb="3" eb="5">
      <t>ジョウホウ</t>
    </rPh>
    <rPh sb="5" eb="8">
      <t>ドウイショ</t>
    </rPh>
    <phoneticPr fontId="1"/>
  </si>
  <si>
    <t>□職員の秘密保持誓約書</t>
    <rPh sb="1" eb="3">
      <t>ショクイン</t>
    </rPh>
    <rPh sb="4" eb="6">
      <t>ヒミツ</t>
    </rPh>
    <rPh sb="6" eb="8">
      <t>ホジ</t>
    </rPh>
    <rPh sb="8" eb="11">
      <t>セイヤクショ</t>
    </rPh>
    <phoneticPr fontId="1"/>
  </si>
  <si>
    <t>□苦情の受付簿</t>
    <rPh sb="1" eb="3">
      <t>クジョウ</t>
    </rPh>
    <rPh sb="4" eb="7">
      <t>ウケツケボ</t>
    </rPh>
    <phoneticPr fontId="1"/>
  </si>
  <si>
    <t>□苦情者への対応記録</t>
    <rPh sb="1" eb="3">
      <t>クジョウ</t>
    </rPh>
    <rPh sb="3" eb="4">
      <t>シャ</t>
    </rPh>
    <rPh sb="6" eb="8">
      <t>タイオウ</t>
    </rPh>
    <rPh sb="8" eb="10">
      <t>キロク</t>
    </rPh>
    <phoneticPr fontId="1"/>
  </si>
  <si>
    <t>□苦情対応マニュアル</t>
    <rPh sb="1" eb="3">
      <t>クジョウ</t>
    </rPh>
    <rPh sb="3" eb="5">
      <t>タイオウ</t>
    </rPh>
    <phoneticPr fontId="1"/>
  </si>
  <si>
    <t>□事故対応マニュアル</t>
    <rPh sb="1" eb="3">
      <t>ジコ</t>
    </rPh>
    <rPh sb="3" eb="5">
      <t>タイオウ</t>
    </rPh>
    <phoneticPr fontId="1"/>
  </si>
  <si>
    <t>□市町村、家族等への</t>
    <rPh sb="1" eb="4">
      <t>シチョウソン</t>
    </rPh>
    <rPh sb="5" eb="7">
      <t>カゾク</t>
    </rPh>
    <rPh sb="7" eb="8">
      <t>トウ</t>
    </rPh>
    <phoneticPr fontId="1"/>
  </si>
  <si>
    <t>　報告記録</t>
    <rPh sb="1" eb="3">
      <t>ホウコク</t>
    </rPh>
    <rPh sb="3" eb="5">
      <t>キロク</t>
    </rPh>
    <phoneticPr fontId="1"/>
  </si>
  <si>
    <t>□再発防止策の検討の</t>
    <rPh sb="1" eb="3">
      <t>サイハツ</t>
    </rPh>
    <rPh sb="3" eb="5">
      <t>ボウシ</t>
    </rPh>
    <rPh sb="5" eb="6">
      <t>サク</t>
    </rPh>
    <rPh sb="7" eb="9">
      <t>ケントウ</t>
    </rPh>
    <phoneticPr fontId="1"/>
  </si>
  <si>
    <t>　記録</t>
    <rPh sb="1" eb="3">
      <t>キロク</t>
    </rPh>
    <phoneticPr fontId="1"/>
  </si>
  <si>
    <t>□ヒヤリハットの記録</t>
    <rPh sb="8" eb="10">
      <t>キロク</t>
    </rPh>
    <phoneticPr fontId="1"/>
  </si>
  <si>
    <t>□委員会議事録</t>
    <rPh sb="1" eb="4">
      <t>イインカイ</t>
    </rPh>
    <rPh sb="4" eb="7">
      <t>ギジロク</t>
    </rPh>
    <phoneticPr fontId="1"/>
  </si>
  <si>
    <t>□研修の記録</t>
    <rPh sb="1" eb="3">
      <t>ケンシュウ</t>
    </rPh>
    <rPh sb="4" eb="6">
      <t>キロク</t>
    </rPh>
    <phoneticPr fontId="1"/>
  </si>
  <si>
    <t>　が分かる文書</t>
    <rPh sb="2" eb="3">
      <t>ワ</t>
    </rPh>
    <rPh sb="5" eb="7">
      <t>ブンショ</t>
    </rPh>
    <phoneticPr fontId="1"/>
  </si>
  <si>
    <t>Ⅰ　基本方針</t>
    <rPh sb="2" eb="4">
      <t>キホン</t>
    </rPh>
    <rPh sb="4" eb="6">
      <t>ホウシン</t>
    </rPh>
    <phoneticPr fontId="1"/>
  </si>
  <si>
    <t>Ⅱ　人員に関する事項</t>
    <rPh sb="2" eb="4">
      <t>ジンイン</t>
    </rPh>
    <rPh sb="5" eb="6">
      <t>カン</t>
    </rPh>
    <rPh sb="8" eb="10">
      <t>ジコウ</t>
    </rPh>
    <phoneticPr fontId="1"/>
  </si>
  <si>
    <t>１　職員の配置</t>
    <rPh sb="2" eb="4">
      <t>ショクイン</t>
    </rPh>
    <rPh sb="5" eb="7">
      <t>ハイチ</t>
    </rPh>
    <phoneticPr fontId="1"/>
  </si>
  <si>
    <t>１－１　施設長</t>
    <rPh sb="4" eb="6">
      <t>シセツ</t>
    </rPh>
    <rPh sb="6" eb="7">
      <t>チョウ</t>
    </rPh>
    <phoneticPr fontId="1"/>
  </si>
  <si>
    <t>Ⅲ　設備に関する事項</t>
    <rPh sb="2" eb="4">
      <t>セツビ</t>
    </rPh>
    <rPh sb="5" eb="6">
      <t>カン</t>
    </rPh>
    <rPh sb="8" eb="10">
      <t>ジコウ</t>
    </rPh>
    <phoneticPr fontId="1"/>
  </si>
  <si>
    <t>１　設備</t>
    <rPh sb="2" eb="4">
      <t>セツビ</t>
    </rPh>
    <phoneticPr fontId="1"/>
  </si>
  <si>
    <t>Ⅳ　運営に関する事項</t>
    <rPh sb="2" eb="4">
      <t>ウンエイ</t>
    </rPh>
    <rPh sb="5" eb="6">
      <t>カン</t>
    </rPh>
    <rPh sb="8" eb="10">
      <t>ジコウ</t>
    </rPh>
    <phoneticPr fontId="1"/>
  </si>
  <si>
    <t>１　運営規程</t>
    <rPh sb="2" eb="4">
      <t>ウンエイ</t>
    </rPh>
    <rPh sb="4" eb="6">
      <t>キテイ</t>
    </rPh>
    <phoneticPr fontId="1"/>
  </si>
  <si>
    <t>２　非常災害対策</t>
    <rPh sb="2" eb="4">
      <t>ヒジョウ</t>
    </rPh>
    <rPh sb="4" eb="6">
      <t>サイガイ</t>
    </rPh>
    <rPh sb="6" eb="8">
      <t>タイサク</t>
    </rPh>
    <phoneticPr fontId="1"/>
  </si>
  <si>
    <t>３　記録</t>
    <rPh sb="2" eb="4">
      <t>キロク</t>
    </rPh>
    <phoneticPr fontId="1"/>
  </si>
  <si>
    <t>　か。</t>
    <phoneticPr fontId="1"/>
  </si>
  <si>
    <t>法人名</t>
    <rPh sb="0" eb="2">
      <t>ホウジン</t>
    </rPh>
    <rPh sb="2" eb="3">
      <t>メイ</t>
    </rPh>
    <phoneticPr fontId="1"/>
  </si>
  <si>
    <t>施設名</t>
    <rPh sb="0" eb="2">
      <t>シセツ</t>
    </rPh>
    <rPh sb="2" eb="3">
      <t>メイ</t>
    </rPh>
    <phoneticPr fontId="1"/>
  </si>
  <si>
    <t>電話番号</t>
    <rPh sb="0" eb="2">
      <t>デンワ</t>
    </rPh>
    <rPh sb="2" eb="4">
      <t>バンゴウ</t>
    </rPh>
    <phoneticPr fontId="1"/>
  </si>
  <si>
    <t>メールアドレス</t>
    <phoneticPr fontId="1"/>
  </si>
  <si>
    <t>点検年月日</t>
    <rPh sb="0" eb="2">
      <t>テンケン</t>
    </rPh>
    <rPh sb="2" eb="5">
      <t>ネンガッピ</t>
    </rPh>
    <phoneticPr fontId="1"/>
  </si>
  <si>
    <t>【添付資料】</t>
    <rPh sb="1" eb="3">
      <t>テンプ</t>
    </rPh>
    <rPh sb="3" eb="5">
      <t>シリョウ</t>
    </rPh>
    <phoneticPr fontId="1"/>
  </si>
  <si>
    <t>２　施設平面図</t>
    <rPh sb="2" eb="4">
      <t>シセツ</t>
    </rPh>
    <rPh sb="4" eb="7">
      <t>ヘイメンズ</t>
    </rPh>
    <phoneticPr fontId="1"/>
  </si>
  <si>
    <t>３　運営規程</t>
    <rPh sb="2" eb="4">
      <t>ウンエイ</t>
    </rPh>
    <rPh sb="4" eb="6">
      <t>キテイ</t>
    </rPh>
    <phoneticPr fontId="1"/>
  </si>
  <si>
    <t>２　確認項目欄に回答欄がある場合は、回答欄に入力してください。</t>
    <rPh sb="2" eb="4">
      <t>カクニン</t>
    </rPh>
    <rPh sb="4" eb="6">
      <t>コウモク</t>
    </rPh>
    <rPh sb="6" eb="7">
      <t>ラン</t>
    </rPh>
    <rPh sb="8" eb="10">
      <t>カイトウ</t>
    </rPh>
    <rPh sb="10" eb="11">
      <t>ラン</t>
    </rPh>
    <rPh sb="14" eb="16">
      <t>バアイ</t>
    </rPh>
    <rPh sb="18" eb="20">
      <t>カイトウ</t>
    </rPh>
    <rPh sb="20" eb="21">
      <t>ラン</t>
    </rPh>
    <rPh sb="22" eb="24">
      <t>ニュウリョク</t>
    </rPh>
    <phoneticPr fontId="1"/>
  </si>
  <si>
    <t>【記入要領・注意事項】</t>
    <rPh sb="1" eb="3">
      <t>キニュウ</t>
    </rPh>
    <rPh sb="3" eb="5">
      <t>ヨウリョウ</t>
    </rPh>
    <rPh sb="6" eb="8">
      <t>チュウイ</t>
    </rPh>
    <rPh sb="8" eb="10">
      <t>ジコウ</t>
    </rPh>
    <phoneticPr fontId="1"/>
  </si>
  <si>
    <t>【凡例】</t>
    <rPh sb="1" eb="3">
      <t>ハンレイ</t>
    </rPh>
    <phoneticPr fontId="1"/>
  </si>
  <si>
    <t>※市使用欄</t>
    <rPh sb="1" eb="2">
      <t>シ</t>
    </rPh>
    <rPh sb="2" eb="4">
      <t>シヨウ</t>
    </rPh>
    <rPh sb="4" eb="5">
      <t>ラン</t>
    </rPh>
    <phoneticPr fontId="1"/>
  </si>
  <si>
    <t>三　養護老人ホーム等においては、感染症又は食中毒の発生又はまん延を防止する観点から、従業者の健康管理を徹底
　し、従業者、来訪者等の健康状態によっては利用者との接触を制限する等の措置を講ずるとともに、従業者及び利用
　者に対して手洗いやうがいを励行するなど衛生教育の徹底を図ること。
四　養護老人ホーム等（軽費老人ホームを除く。以下この号において同じ。）の医師及び看護職員は、当該養護老人ホ
　ーム等内において感染症若しくは食中毒の発生又はそれが疑われる状況が生じたときは、速やかな対応を行わなけれ
　ばならないこと。</t>
    <phoneticPr fontId="1"/>
  </si>
  <si>
    <t>１　基本方針</t>
    <rPh sb="2" eb="4">
      <t>キホン</t>
    </rPh>
    <rPh sb="4" eb="6">
      <t>ホウシン</t>
    </rPh>
    <phoneticPr fontId="1"/>
  </si>
  <si>
    <t>１－２　医師</t>
    <rPh sb="4" eb="6">
      <t>イシ</t>
    </rPh>
    <phoneticPr fontId="1"/>
  </si>
  <si>
    <t>１－３　生活相談員</t>
    <rPh sb="4" eb="6">
      <t>セイカツ</t>
    </rPh>
    <rPh sb="6" eb="9">
      <t>ソウダンイン</t>
    </rPh>
    <phoneticPr fontId="1"/>
  </si>
  <si>
    <t>１　利用者の安心・安全の確保</t>
    <rPh sb="2" eb="5">
      <t>リヨウシャ</t>
    </rPh>
    <rPh sb="6" eb="8">
      <t>アンシン</t>
    </rPh>
    <rPh sb="9" eb="11">
      <t>アンゼン</t>
    </rPh>
    <rPh sb="12" eb="14">
      <t>カクホ</t>
    </rPh>
    <phoneticPr fontId="1"/>
  </si>
  <si>
    <t>　　土砂災害（特別）警戒区域</t>
    <rPh sb="2" eb="4">
      <t>ドシャ</t>
    </rPh>
    <rPh sb="4" eb="6">
      <t>サイガイ</t>
    </rPh>
    <rPh sb="7" eb="9">
      <t>トクベツ</t>
    </rPh>
    <rPh sb="10" eb="12">
      <t>ケイカイ</t>
    </rPh>
    <rPh sb="12" eb="14">
      <t>クイキ</t>
    </rPh>
    <phoneticPr fontId="1"/>
  </si>
  <si>
    <t>　　浸水想定区域</t>
    <rPh sb="2" eb="4">
      <t>シンスイ</t>
    </rPh>
    <rPh sb="4" eb="6">
      <t>ソウテイ</t>
    </rPh>
    <rPh sb="6" eb="8">
      <t>クイキ</t>
    </rPh>
    <phoneticPr fontId="1"/>
  </si>
  <si>
    <t>4 避難促進施設の所有者又は管理者の使用人その他の従業者は、避難確保計画の定めるところにより、第二項の避難訓
　練に参加しなければならない。
5 避難促進施設の所有者又は管理者は、第二項の避難訓練を行おうとするときは、避難促進施設を利用する者に協力を
　求めることができる。
第54条　市町村防災会議は、前条第一項の規定による警戒区域の指定があったときは、市町村地域防災計画において、
　当該警戒区域ごとに、次に掲げる事項について定めるものとする。
　四　警戒区域内に、地下街等又は社会福祉施設、学校、医療施設その他の主として防災上の配慮を要する者が利用す
　　る施設であって、当該施設の利用者の津波の発生時における円滑かつ迅速な避難を確保する必要があると認められ
　　るものがある場合にあっては、これらの施設の名称及び所在地
第53条　都道府県知事は、基本指針に基づき、かつ、津波浸水想定を踏まえ、津波が発生した場合には住民その他の者
　の生命又は身体に危害が生ずるおそれがあると認められる土地の区域で、当該区域における津波による人的災害を防
　止するために警戒避難体制を特に整備すべき土地の区域を、津波災害警戒区域（以下「警戒区域」という。）として
　指定することができる。</t>
    <phoneticPr fontId="1"/>
  </si>
  <si>
    <t>◎津波防災地域づくりに関する法律（平成23年法律第123号）
第71条　次に掲げる施設であって、第五十四条第一項の規定により市町村地域防災計画又は災害対策基本法第四十四条
　第一項の市町村相互間地域防災計画にその名称及び所在地が定められたもの（以下この条において「避難促進施設」
　という。）の所有者又は管理者は、単独で又は共同して、国土交通省令で定めるところにより、避難訓練その他当該
　避難促進施設の利用者の津波の発生時における円滑かつ迅速な避難の確保を図るために必要な措置に関する計画（以
　下この条において「避難確保計画」という。）を作成し、これを市町村長に報告するとともに、公表しなければなら
　ない。
　二　社会福祉施設、学校、医療施設その他の主として防災上の配慮を要する者が利用する施設のうち、その利用者の
　　津波の発生時における円滑かつ迅速な避難を確保するための体制を計画的に整備する必要があるものとして政令で
　　定めるもの
2 避難促進施設の所有者又は管理者は、避難確保計画の定めるところにより避難訓練を行うとともに、その結果を市町
　村長に報告しなければならない。
3 市町村長は、前二項の規定により報告を受けたときは、避難促進施設の所有者又は管理者に対し、当該避難促進施設
　の利用者の津波の発生時における円滑かつ迅速な避難の確保を図るために必要な助言又は勧告をすることができる。</t>
    <phoneticPr fontId="1"/>
  </si>
  <si>
    <t>火災</t>
    <rPh sb="0" eb="2">
      <t>カサイ</t>
    </rPh>
    <phoneticPr fontId="1"/>
  </si>
  <si>
    <t>風水害</t>
    <rPh sb="0" eb="1">
      <t>フウ</t>
    </rPh>
    <rPh sb="1" eb="3">
      <t>スイガイ</t>
    </rPh>
    <phoneticPr fontId="1"/>
  </si>
  <si>
    <t>地震</t>
    <rPh sb="0" eb="2">
      <t>ジシン</t>
    </rPh>
    <phoneticPr fontId="1"/>
  </si>
  <si>
    <t>津波</t>
    <rPh sb="0" eb="2">
      <t>ツナミ</t>
    </rPh>
    <phoneticPr fontId="1"/>
  </si>
  <si>
    <t>火山災害</t>
    <rPh sb="0" eb="2">
      <t>カザン</t>
    </rPh>
    <rPh sb="2" eb="4">
      <t>サイガイ</t>
    </rPh>
    <phoneticPr fontId="1"/>
  </si>
  <si>
    <t>その他（　　）</t>
    <rPh sb="2" eb="3">
      <t>タ</t>
    </rPh>
    <phoneticPr fontId="1"/>
  </si>
  <si>
    <t>作成済み</t>
    <rPh sb="0" eb="2">
      <t>サクセイ</t>
    </rPh>
    <rPh sb="2" eb="3">
      <t>ズ</t>
    </rPh>
    <phoneticPr fontId="1"/>
  </si>
  <si>
    <t>未作成</t>
    <rPh sb="0" eb="3">
      <t>ミサクセイ</t>
    </rPh>
    <phoneticPr fontId="1"/>
  </si>
  <si>
    <t>非該当</t>
    <rPh sb="0" eb="3">
      <t>ヒガイトウ</t>
    </rPh>
    <phoneticPr fontId="1"/>
  </si>
  <si>
    <t>◎消防法施行規則（昭和36年自治省令第6号）第3条
10　令別表第一(一)項から(四)項まで、(五)項イ、(六)項、(九)項イ、(十六)項イ又は(十六の二)項に掲げる防火対象
　物の防火管理者は、令第三条の二第二項の消火訓練及び避難訓練を年二回以上実施しなければならない。
11　前項の防火管理者は、同項の消火訓練及び避難訓練を実施する場合には、あらかじめ、その旨を消防機関に通報し
　なければならない。
◎消防法施行令（昭和36年政令第37号）別表第一(六)項ロ(1)
　老人短期入所施設、養護老人ホーム、特別養護老人ホーム、軽費老人ホーム（要介護状態区分が避難が困難な状態を
　示すものとして総務省令で定める区分に該当する者（以下「避難が困難な要介護者」という。）を主として入居させ
　るものに限る。）、有料老人ホーム（避難が困難な要介護者を主として入居させるものに限る。）、介護老人保健施
　設、老人福祉法第五条の二第四項に規定する老人短期入所事業を行う施設、同条第五項に規定する小規模多機能型居
　宅介護事業を行う施設（避難が困難な要介護者を主として宿泊させるものに限る。）、同条第六項に規定する認知症
　対応型老人共同生活援助事業を行う施設その他これらに類するものとして総務省令で定めるもの</t>
    <phoneticPr fontId="1"/>
  </si>
  <si>
    <t>今年度開催(予定)日</t>
    <rPh sb="0" eb="3">
      <t>コンネンド</t>
    </rPh>
    <rPh sb="3" eb="5">
      <t>カイサイ</t>
    </rPh>
    <rPh sb="6" eb="8">
      <t>ヨテイ</t>
    </rPh>
    <rPh sb="9" eb="10">
      <t>ビ</t>
    </rPh>
    <phoneticPr fontId="1"/>
  </si>
  <si>
    <t>今年度実施(予定)日</t>
    <rPh sb="0" eb="3">
      <t>コンネンド</t>
    </rPh>
    <rPh sb="3" eb="5">
      <t>ジッシ</t>
    </rPh>
    <rPh sb="6" eb="8">
      <t>ヨテイ</t>
    </rPh>
    <rPh sb="9" eb="10">
      <t>ビ</t>
    </rPh>
    <phoneticPr fontId="1"/>
  </si>
  <si>
    <t>【訓練関係】
・訓練（シミュレーション）においては、感染症や災害が発生した場合において迅速に行動できるよう、業務継続計画
　に基づき、施設内の役割分担の確認、感染症や災害が発生した場合に実践するケアの演習等を定期的（年2回以上）
　に実施すること。
・感染症の業務継続計画に係る訓練については、感染症の予防及びまん延の防止のための訓練と一体的に実施すること
　も差し支えない。
・災害の業務継続計画に係る訓練については、非常災害対策に係る訓練と一体的に実施することも差し支えない。
・訓練の実施は、机上を含めその実施手法は問わないものの、机上及び実地で実施するものを適切に組み合わせながら
　実施することが適切である。</t>
    <rPh sb="1" eb="3">
      <t>クンレン</t>
    </rPh>
    <rPh sb="3" eb="5">
      <t>カンケイ</t>
    </rPh>
    <rPh sb="147" eb="150">
      <t>カンセンショウ</t>
    </rPh>
    <rPh sb="151" eb="153">
      <t>ヨボウ</t>
    </rPh>
    <rPh sb="153" eb="154">
      <t>オヨ</t>
    </rPh>
    <rPh sb="157" eb="158">
      <t>エン</t>
    </rPh>
    <rPh sb="159" eb="161">
      <t>ボウシ</t>
    </rPh>
    <rPh sb="165" eb="167">
      <t>クンレン</t>
    </rPh>
    <rPh sb="168" eb="171">
      <t>イッタイテキ</t>
    </rPh>
    <rPh sb="172" eb="174">
      <t>ジッシ</t>
    </rPh>
    <rPh sb="181" eb="182">
      <t>サ</t>
    </rPh>
    <rPh sb="183" eb="184">
      <t>ツカ</t>
    </rPh>
    <rPh sb="190" eb="192">
      <t>サイガイ</t>
    </rPh>
    <rPh sb="193" eb="199">
      <t>ギョウムケイゾクケイカク</t>
    </rPh>
    <rPh sb="200" eb="201">
      <t>カカ</t>
    </rPh>
    <rPh sb="202" eb="204">
      <t>クンレン</t>
    </rPh>
    <rPh sb="210" eb="216">
      <t>ヒジョウサイガイタイサク</t>
    </rPh>
    <rPh sb="217" eb="218">
      <t>カカ</t>
    </rPh>
    <rPh sb="219" eb="221">
      <t>クンレン</t>
    </rPh>
    <rPh sb="222" eb="225">
      <t>イッタイテキ</t>
    </rPh>
    <rPh sb="226" eb="228">
      <t>ジッシ</t>
    </rPh>
    <rPh sb="233" eb="234">
      <t>サ</t>
    </rPh>
    <rPh sb="235" eb="236">
      <t>ツカ</t>
    </rPh>
    <rPh sb="242" eb="244">
      <t>クンレン</t>
    </rPh>
    <rPh sb="245" eb="247">
      <t>ジッシ</t>
    </rPh>
    <rPh sb="249" eb="251">
      <t>キジョウ</t>
    </rPh>
    <rPh sb="252" eb="253">
      <t>フク</t>
    </rPh>
    <rPh sb="256" eb="258">
      <t>ジッシ</t>
    </rPh>
    <rPh sb="258" eb="260">
      <t>シュホウ</t>
    </rPh>
    <rPh sb="261" eb="262">
      <t>ト</t>
    </rPh>
    <rPh sb="269" eb="271">
      <t>キジョウ</t>
    </rPh>
    <rPh sb="271" eb="272">
      <t>オヨ</t>
    </rPh>
    <rPh sb="273" eb="275">
      <t>ジッチ</t>
    </rPh>
    <rPh sb="276" eb="278">
      <t>ジッシ</t>
    </rPh>
    <rPh sb="283" eb="285">
      <t>テキセツ</t>
    </rPh>
    <rPh sb="286" eb="287">
      <t>ク</t>
    </rPh>
    <rPh sb="288" eb="289">
      <t>ア</t>
    </rPh>
    <rPh sb="296" eb="298">
      <t>ジッシ</t>
    </rPh>
    <rPh sb="303" eb="305">
      <t>テキセツ</t>
    </rPh>
    <phoneticPr fontId="1"/>
  </si>
  <si>
    <t>○身体拘束ゼロへの手引き（厚生労働省「身体拘束ゼロ作戦推進会議」）
【身体拘束禁止の対象となる具体的な行為】
　①徘徊しないように、車いすやいす、ベッドに体幹や四肢をひも等で縛る。
　②転落しないように、ベッドに体幹や四肢をひも等で縛る。
　③自分で降りられないように、ベッドを柵（サイドレール）で囲む。
　④点滴・経管栄養等のチューブを抜かないように、四肢をひも等で縛る。
　⑤点滴・経管栄養等のチューブを抜かないように、または皮膚をかきむしらないように、手指の機能を制限するミト
　　ン型の手袋等をつける。
　⑥車いすやいすからずり落ちたり、立ち上がったりしないように、Ｙ字型拘束帯や腰ベルト、車いすテーブルをつけ
　　る。
　⑦立ち上がる能力のある人の立ち上がりを妨げるようないすを使用する。
　⑧脱衣やおむつはずしを制限するために、介護衣（つなぎ服）を着せる。
　⑨他人への迷惑行為を防ぐために、ベッドなどに体幹や四肢をひも等で縛る。
　⑩行動を落ち着かせるために、向精神薬を過剰に服用させる。
　⑪自分の意思で開けることのできない居室等に隔離する。</t>
    <rPh sb="1" eb="3">
      <t>シンタイ</t>
    </rPh>
    <rPh sb="3" eb="5">
      <t>コウソク</t>
    </rPh>
    <rPh sb="9" eb="11">
      <t>テビ</t>
    </rPh>
    <rPh sb="13" eb="15">
      <t>コウセイ</t>
    </rPh>
    <rPh sb="15" eb="18">
      <t>ロウドウショウ</t>
    </rPh>
    <rPh sb="19" eb="21">
      <t>シンタイ</t>
    </rPh>
    <rPh sb="21" eb="23">
      <t>コウソク</t>
    </rPh>
    <rPh sb="25" eb="27">
      <t>サクセン</t>
    </rPh>
    <rPh sb="27" eb="29">
      <t>スイシン</t>
    </rPh>
    <rPh sb="29" eb="31">
      <t>カイギ</t>
    </rPh>
    <rPh sb="35" eb="37">
      <t>シンタイ</t>
    </rPh>
    <rPh sb="37" eb="39">
      <t>コウソク</t>
    </rPh>
    <rPh sb="39" eb="41">
      <t>キンシ</t>
    </rPh>
    <rPh sb="42" eb="44">
      <t>タイショウ</t>
    </rPh>
    <rPh sb="47" eb="50">
      <t>グタイテキ</t>
    </rPh>
    <rPh sb="51" eb="53">
      <t>コウイ</t>
    </rPh>
    <rPh sb="57" eb="59">
      <t>ハイカイ</t>
    </rPh>
    <rPh sb="66" eb="67">
      <t>クルマ</t>
    </rPh>
    <rPh sb="77" eb="79">
      <t>タイカン</t>
    </rPh>
    <rPh sb="80" eb="82">
      <t>シシ</t>
    </rPh>
    <rPh sb="85" eb="86">
      <t>トウ</t>
    </rPh>
    <rPh sb="87" eb="88">
      <t>シバ</t>
    </rPh>
    <rPh sb="93" eb="95">
      <t>テンラク</t>
    </rPh>
    <rPh sb="106" eb="108">
      <t>タイカン</t>
    </rPh>
    <rPh sb="109" eb="111">
      <t>シシ</t>
    </rPh>
    <rPh sb="114" eb="115">
      <t>トウ</t>
    </rPh>
    <rPh sb="116" eb="117">
      <t>シバ</t>
    </rPh>
    <rPh sb="122" eb="124">
      <t>ジブン</t>
    </rPh>
    <rPh sb="125" eb="126">
      <t>オ</t>
    </rPh>
    <rPh sb="139" eb="140">
      <t>サク</t>
    </rPh>
    <rPh sb="149" eb="150">
      <t>カコ</t>
    </rPh>
    <rPh sb="155" eb="157">
      <t>テンテキ</t>
    </rPh>
    <rPh sb="158" eb="160">
      <t>ケイカン</t>
    </rPh>
    <rPh sb="160" eb="162">
      <t>エイヨウ</t>
    </rPh>
    <rPh sb="162" eb="163">
      <t>トウ</t>
    </rPh>
    <rPh sb="169" eb="170">
      <t>ヌ</t>
    </rPh>
    <rPh sb="177" eb="179">
      <t>シシ</t>
    </rPh>
    <rPh sb="182" eb="183">
      <t>トウ</t>
    </rPh>
    <rPh sb="184" eb="185">
      <t>シバ</t>
    </rPh>
    <rPh sb="190" eb="192">
      <t>テンテキ</t>
    </rPh>
    <rPh sb="193" eb="195">
      <t>ケイカン</t>
    </rPh>
    <rPh sb="195" eb="197">
      <t>エイヨウ</t>
    </rPh>
    <rPh sb="197" eb="198">
      <t>トウ</t>
    </rPh>
    <rPh sb="204" eb="205">
      <t>ヌ</t>
    </rPh>
    <rPh sb="215" eb="217">
      <t>ヒフ</t>
    </rPh>
    <rPh sb="229" eb="231">
      <t>シュシ</t>
    </rPh>
    <rPh sb="232" eb="234">
      <t>キノウ</t>
    </rPh>
    <rPh sb="235" eb="237">
      <t>セイゲン</t>
    </rPh>
    <rPh sb="245" eb="246">
      <t>ガタ</t>
    </rPh>
    <rPh sb="247" eb="249">
      <t>テブクロ</t>
    </rPh>
    <rPh sb="249" eb="250">
      <t>トウ</t>
    </rPh>
    <rPh sb="258" eb="259">
      <t>クルマ</t>
    </rPh>
    <rPh sb="268" eb="269">
      <t>オ</t>
    </rPh>
    <rPh sb="273" eb="274">
      <t>タ</t>
    </rPh>
    <rPh sb="275" eb="276">
      <t>ア</t>
    </rPh>
    <rPh sb="288" eb="289">
      <t>ジ</t>
    </rPh>
    <rPh sb="289" eb="290">
      <t>ガタ</t>
    </rPh>
    <rPh sb="290" eb="292">
      <t>コウソク</t>
    </rPh>
    <rPh sb="292" eb="293">
      <t>タイ</t>
    </rPh>
    <rPh sb="294" eb="295">
      <t>コシ</t>
    </rPh>
    <rPh sb="299" eb="300">
      <t>クルマ</t>
    </rPh>
    <rPh sb="317" eb="318">
      <t>タ</t>
    </rPh>
    <rPh sb="319" eb="320">
      <t>ア</t>
    </rPh>
    <rPh sb="322" eb="324">
      <t>ノウリョク</t>
    </rPh>
    <rPh sb="327" eb="328">
      <t>ヒト</t>
    </rPh>
    <rPh sb="329" eb="330">
      <t>タ</t>
    </rPh>
    <rPh sb="331" eb="332">
      <t>ア</t>
    </rPh>
    <rPh sb="335" eb="336">
      <t>サマタ</t>
    </rPh>
    <rPh sb="344" eb="346">
      <t>シヨウ</t>
    </rPh>
    <rPh sb="352" eb="354">
      <t>ダツイ</t>
    </rPh>
    <rPh sb="362" eb="364">
      <t>セイゲン</t>
    </rPh>
    <rPh sb="370" eb="372">
      <t>カイゴ</t>
    </rPh>
    <rPh sb="372" eb="373">
      <t>イ</t>
    </rPh>
    <rPh sb="377" eb="378">
      <t>フク</t>
    </rPh>
    <rPh sb="380" eb="381">
      <t>キ</t>
    </rPh>
    <rPh sb="387" eb="389">
      <t>タニン</t>
    </rPh>
    <rPh sb="391" eb="393">
      <t>メイワク</t>
    </rPh>
    <rPh sb="393" eb="395">
      <t>コウイ</t>
    </rPh>
    <rPh sb="396" eb="397">
      <t>フセ</t>
    </rPh>
    <rPh sb="408" eb="410">
      <t>タイカン</t>
    </rPh>
    <rPh sb="411" eb="413">
      <t>シシ</t>
    </rPh>
    <rPh sb="416" eb="417">
      <t>トウ</t>
    </rPh>
    <rPh sb="418" eb="419">
      <t>シバ</t>
    </rPh>
    <rPh sb="424" eb="426">
      <t>コウドウ</t>
    </rPh>
    <rPh sb="427" eb="428">
      <t>オ</t>
    </rPh>
    <rPh sb="429" eb="430">
      <t>ツ</t>
    </rPh>
    <rPh sb="437" eb="441">
      <t>コウセイシンヤク</t>
    </rPh>
    <rPh sb="442" eb="444">
      <t>カジョウ</t>
    </rPh>
    <rPh sb="445" eb="447">
      <t>フクヨウ</t>
    </rPh>
    <rPh sb="454" eb="456">
      <t>ジブン</t>
    </rPh>
    <rPh sb="457" eb="459">
      <t>イシ</t>
    </rPh>
    <rPh sb="460" eb="461">
      <t>ア</t>
    </rPh>
    <rPh sb="470" eb="472">
      <t>キョシツ</t>
    </rPh>
    <rPh sb="472" eb="473">
      <t>トウ</t>
    </rPh>
    <rPh sb="474" eb="476">
      <t>カクリ</t>
    </rPh>
    <phoneticPr fontId="1"/>
  </si>
  <si>
    <t>【実施に当たっての手続】
　仮に三つの要件を満たす場合にも、以下の点に留意すべきである。
(1) ・「緊急やむを得ない場合」に該当するかどうかの判断判断は、担当のスタッフ個人（または数名）では行わず、
　　　施設全体としての判断が行われるように、あらかじめルールや手続きを定めておく。
　　・施設内の「身体拘束廃止委員会」といった組織において事前に手続き等を定め、具体的な事例についても関係者
　　　が幅広く参加したカンファレンスで判断する態勢を原則とする。
(2) ・利用者本人や家族に対して、身体拘束の内容、目的、理由、拘束の時間、時間帯、期間等をできる限り詳細に説
　　　明し、十分な理解を得るよう努める。
　　・その際には、施設長や医師、その他現場の責任者から説明を行うなど、説明手続きや説明者について事前に明文
　　　化しておく。
　　・仮に、事前に身体拘束について施設としての考え方を利用者や家族に説明し、理解を得ている場合であっても、
　　　実際に身体拘束を行う時点で、必ず個別に説明を行う。
(3) ・緊急やむを得ず身体拘束を行う場合についても、「緊急やむを得ない場合」に該当するかどうかを常に観察、再
　　　検討し、要件に該当しなくなった場合には直ちに解除すること。
　　・この場合には、実際に身体拘束を一時的に解除して状態を観察するなどの対応をとることが重要である。</t>
    <rPh sb="1" eb="3">
      <t>ジッシ</t>
    </rPh>
    <rPh sb="4" eb="5">
      <t>ア</t>
    </rPh>
    <rPh sb="9" eb="11">
      <t>テツヅキ</t>
    </rPh>
    <rPh sb="14" eb="15">
      <t>カリ</t>
    </rPh>
    <rPh sb="16" eb="17">
      <t>ミッ</t>
    </rPh>
    <rPh sb="19" eb="21">
      <t>ヨウケン</t>
    </rPh>
    <rPh sb="22" eb="23">
      <t>ミ</t>
    </rPh>
    <rPh sb="25" eb="27">
      <t>バアイ</t>
    </rPh>
    <rPh sb="30" eb="32">
      <t>イカ</t>
    </rPh>
    <rPh sb="33" eb="34">
      <t>テン</t>
    </rPh>
    <rPh sb="35" eb="37">
      <t>リュウイ</t>
    </rPh>
    <rPh sb="51" eb="53">
      <t>キンキュウ</t>
    </rPh>
    <rPh sb="56" eb="57">
      <t>エ</t>
    </rPh>
    <rPh sb="59" eb="61">
      <t>バアイ</t>
    </rPh>
    <rPh sb="63" eb="65">
      <t>ガイトウ</t>
    </rPh>
    <rPh sb="72" eb="74">
      <t>ハンダン</t>
    </rPh>
    <rPh sb="74" eb="76">
      <t>ハンダン</t>
    </rPh>
    <rPh sb="78" eb="80">
      <t>タントウ</t>
    </rPh>
    <rPh sb="85" eb="87">
      <t>コジン</t>
    </rPh>
    <rPh sb="91" eb="93">
      <t>スウメイ</t>
    </rPh>
    <rPh sb="96" eb="97">
      <t>オコナ</t>
    </rPh>
    <rPh sb="104" eb="106">
      <t>シセツ</t>
    </rPh>
    <rPh sb="106" eb="108">
      <t>ゼンタイ</t>
    </rPh>
    <rPh sb="112" eb="114">
      <t>ハンダン</t>
    </rPh>
    <rPh sb="115" eb="116">
      <t>オコナ</t>
    </rPh>
    <rPh sb="132" eb="134">
      <t>テツヅ</t>
    </rPh>
    <rPh sb="136" eb="137">
      <t>サダ</t>
    </rPh>
    <rPh sb="146" eb="148">
      <t>シセツ</t>
    </rPh>
    <rPh sb="148" eb="149">
      <t>ナイ</t>
    </rPh>
    <rPh sb="151" eb="153">
      <t>シンタイ</t>
    </rPh>
    <rPh sb="153" eb="155">
      <t>コウソク</t>
    </rPh>
    <rPh sb="155" eb="157">
      <t>ハイシ</t>
    </rPh>
    <rPh sb="157" eb="160">
      <t>イインカイ</t>
    </rPh>
    <rPh sb="165" eb="167">
      <t>ソシキ</t>
    </rPh>
    <rPh sb="171" eb="173">
      <t>ジゼン</t>
    </rPh>
    <rPh sb="174" eb="176">
      <t>テツヅ</t>
    </rPh>
    <rPh sb="177" eb="178">
      <t>トウ</t>
    </rPh>
    <rPh sb="179" eb="180">
      <t>サダ</t>
    </rPh>
    <rPh sb="182" eb="185">
      <t>グタイテキ</t>
    </rPh>
    <rPh sb="186" eb="188">
      <t>ジレイ</t>
    </rPh>
    <rPh sb="193" eb="196">
      <t>カンケイシャ</t>
    </rPh>
    <rPh sb="201" eb="203">
      <t>ハバヒロ</t>
    </rPh>
    <rPh sb="204" eb="206">
      <t>サンカ</t>
    </rPh>
    <rPh sb="216" eb="218">
      <t>ハンダン</t>
    </rPh>
    <rPh sb="220" eb="222">
      <t>タイセイ</t>
    </rPh>
    <rPh sb="223" eb="225">
      <t>ゲンソク</t>
    </rPh>
    <rPh sb="235" eb="238">
      <t>リヨウシャ</t>
    </rPh>
    <rPh sb="238" eb="240">
      <t>ホンニン</t>
    </rPh>
    <rPh sb="241" eb="243">
      <t>カゾク</t>
    </rPh>
    <rPh sb="244" eb="245">
      <t>タイ</t>
    </rPh>
    <rPh sb="248" eb="250">
      <t>シンタイ</t>
    </rPh>
    <rPh sb="250" eb="252">
      <t>コウソク</t>
    </rPh>
    <rPh sb="253" eb="255">
      <t>ナイヨウ</t>
    </rPh>
    <rPh sb="256" eb="258">
      <t>モクテキ</t>
    </rPh>
    <rPh sb="259" eb="261">
      <t>リユウ</t>
    </rPh>
    <rPh sb="262" eb="264">
      <t>コウソク</t>
    </rPh>
    <rPh sb="265" eb="267">
      <t>ジカン</t>
    </rPh>
    <rPh sb="268" eb="270">
      <t>ジカン</t>
    </rPh>
    <rPh sb="270" eb="271">
      <t>タイ</t>
    </rPh>
    <rPh sb="272" eb="274">
      <t>キカン</t>
    </rPh>
    <rPh sb="274" eb="275">
      <t>トウ</t>
    </rPh>
    <rPh sb="279" eb="280">
      <t>カギ</t>
    </rPh>
    <rPh sb="281" eb="283">
      <t>ショウサイ</t>
    </rPh>
    <rPh sb="292" eb="294">
      <t>ジュウブン</t>
    </rPh>
    <rPh sb="295" eb="297">
      <t>リカイ</t>
    </rPh>
    <rPh sb="298" eb="299">
      <t>エ</t>
    </rPh>
    <rPh sb="302" eb="303">
      <t>ツト</t>
    </rPh>
    <rPh sb="312" eb="313">
      <t>サイ</t>
    </rPh>
    <rPh sb="316" eb="318">
      <t>シセツ</t>
    </rPh>
    <rPh sb="318" eb="319">
      <t>チョウ</t>
    </rPh>
    <rPh sb="320" eb="322">
      <t>イシ</t>
    </rPh>
    <rPh sb="325" eb="326">
      <t>タ</t>
    </rPh>
    <rPh sb="326" eb="328">
      <t>ゲンバ</t>
    </rPh>
    <rPh sb="329" eb="332">
      <t>セキニンシャ</t>
    </rPh>
    <rPh sb="334" eb="336">
      <t>セツメイ</t>
    </rPh>
    <rPh sb="337" eb="338">
      <t>オコナ</t>
    </rPh>
    <rPh sb="342" eb="344">
      <t>セツメイ</t>
    </rPh>
    <rPh sb="344" eb="346">
      <t>テツヅ</t>
    </rPh>
    <rPh sb="348" eb="351">
      <t>セツメイシャ</t>
    </rPh>
    <rPh sb="355" eb="357">
      <t>ジゼン</t>
    </rPh>
    <rPh sb="374" eb="375">
      <t>カリ</t>
    </rPh>
    <rPh sb="377" eb="379">
      <t>ジゼン</t>
    </rPh>
    <rPh sb="380" eb="382">
      <t>シンタイ</t>
    </rPh>
    <rPh sb="382" eb="384">
      <t>コウソク</t>
    </rPh>
    <rPh sb="388" eb="390">
      <t>シセツ</t>
    </rPh>
    <rPh sb="394" eb="395">
      <t>カンガ</t>
    </rPh>
    <rPh sb="396" eb="397">
      <t>カタ</t>
    </rPh>
    <rPh sb="398" eb="401">
      <t>リヨウシャ</t>
    </rPh>
    <rPh sb="402" eb="404">
      <t>カゾク</t>
    </rPh>
    <rPh sb="405" eb="407">
      <t>セツメイ</t>
    </rPh>
    <rPh sb="409" eb="411">
      <t>リカイ</t>
    </rPh>
    <rPh sb="412" eb="413">
      <t>エ</t>
    </rPh>
    <rPh sb="416" eb="418">
      <t>バアイ</t>
    </rPh>
    <rPh sb="428" eb="430">
      <t>ジッサイ</t>
    </rPh>
    <rPh sb="431" eb="433">
      <t>シンタイ</t>
    </rPh>
    <rPh sb="433" eb="435">
      <t>コウソク</t>
    </rPh>
    <rPh sb="436" eb="437">
      <t>オコナ</t>
    </rPh>
    <rPh sb="438" eb="440">
      <t>ジテン</t>
    </rPh>
    <rPh sb="442" eb="443">
      <t>カナラ</t>
    </rPh>
    <rPh sb="444" eb="446">
      <t>コベツ</t>
    </rPh>
    <rPh sb="447" eb="449">
      <t>セツメイ</t>
    </rPh>
    <rPh sb="450" eb="451">
      <t>オコナ</t>
    </rPh>
    <phoneticPr fontId="1"/>
  </si>
  <si>
    <t>３　必要な職員の確保と職員処遇の充実</t>
    <rPh sb="2" eb="4">
      <t>ヒツヨウ</t>
    </rPh>
    <rPh sb="5" eb="7">
      <t>ショクイン</t>
    </rPh>
    <rPh sb="8" eb="10">
      <t>カクホ</t>
    </rPh>
    <rPh sb="11" eb="13">
      <t>ショクイン</t>
    </rPh>
    <rPh sb="13" eb="15">
      <t>ショグウ</t>
    </rPh>
    <rPh sb="16" eb="18">
      <t>ジュウジツ</t>
    </rPh>
    <phoneticPr fontId="1"/>
  </si>
  <si>
    <t>(1) 配置基準に基づく必要な職員が配置されているか。</t>
    <rPh sb="4" eb="6">
      <t>ハイチ</t>
    </rPh>
    <rPh sb="6" eb="8">
      <t>キジュン</t>
    </rPh>
    <rPh sb="9" eb="10">
      <t>モト</t>
    </rPh>
    <rPh sb="12" eb="14">
      <t>ヒツヨウ</t>
    </rPh>
    <rPh sb="15" eb="17">
      <t>ショクイン</t>
    </rPh>
    <rPh sb="18" eb="20">
      <t>ハイチ</t>
    </rPh>
    <phoneticPr fontId="1"/>
  </si>
  <si>
    <t>(1) 入所者に対し、職員数は適切であるか。</t>
    <rPh sb="4" eb="7">
      <t>ニュウショシャ</t>
    </rPh>
    <rPh sb="8" eb="9">
      <t>タイ</t>
    </rPh>
    <rPh sb="11" eb="13">
      <t>ショクイン</t>
    </rPh>
    <rPh sb="13" eb="14">
      <t>スウ</t>
    </rPh>
    <rPh sb="15" eb="17">
      <t>テキセツ</t>
    </rPh>
    <phoneticPr fontId="1"/>
  </si>
  <si>
    <t>(2) 必要な専門職が揃っているか。</t>
    <rPh sb="4" eb="6">
      <t>ヒツヨウ</t>
    </rPh>
    <rPh sb="7" eb="9">
      <t>センモン</t>
    </rPh>
    <rPh sb="9" eb="10">
      <t>ショク</t>
    </rPh>
    <rPh sb="11" eb="12">
      <t>ソロ</t>
    </rPh>
    <phoneticPr fontId="1"/>
  </si>
  <si>
    <t>(3) 専門職は必要な資格を有しているか。</t>
    <rPh sb="4" eb="6">
      <t>センモン</t>
    </rPh>
    <rPh sb="6" eb="7">
      <t>ショク</t>
    </rPh>
    <rPh sb="8" eb="10">
      <t>ヒツヨウ</t>
    </rPh>
    <rPh sb="11" eb="13">
      <t>シカク</t>
    </rPh>
    <rPh sb="14" eb="15">
      <t>ユウ</t>
    </rPh>
    <phoneticPr fontId="1"/>
  </si>
  <si>
    <t>(1) 施設長は常勤専従であるか。</t>
    <rPh sb="4" eb="6">
      <t>シセツ</t>
    </rPh>
    <rPh sb="6" eb="7">
      <t>チョウ</t>
    </rPh>
    <rPh sb="8" eb="10">
      <t>ジョウキン</t>
    </rPh>
    <rPh sb="10" eb="12">
      <t>センジュウ</t>
    </rPh>
    <phoneticPr fontId="1"/>
  </si>
  <si>
    <t>(3) 資格要件を満たしているか。</t>
    <rPh sb="4" eb="6">
      <t>シカク</t>
    </rPh>
    <rPh sb="6" eb="8">
      <t>ヨウケン</t>
    </rPh>
    <rPh sb="9" eb="10">
      <t>ミ</t>
    </rPh>
    <phoneticPr fontId="1"/>
  </si>
  <si>
    <t>　るか。</t>
    <phoneticPr fontId="1"/>
  </si>
  <si>
    <t>　いるか。</t>
    <phoneticPr fontId="1"/>
  </si>
  <si>
    <t>変更時期・内容を記入。</t>
    <rPh sb="0" eb="2">
      <t>ヘンコウ</t>
    </rPh>
    <rPh sb="2" eb="4">
      <t>ジキ</t>
    </rPh>
    <rPh sb="5" eb="7">
      <t>ナイヨウ</t>
    </rPh>
    <rPh sb="8" eb="10">
      <t>キニュウ</t>
    </rPh>
    <phoneticPr fontId="1"/>
  </si>
  <si>
    <t>(1) 運営における重要事項について定めているか。</t>
    <rPh sb="4" eb="6">
      <t>ウンエイ</t>
    </rPh>
    <rPh sb="10" eb="12">
      <t>ジュウヨウ</t>
    </rPh>
    <rPh sb="12" eb="14">
      <t>ジコウ</t>
    </rPh>
    <rPh sb="18" eb="19">
      <t>サダ</t>
    </rPh>
    <phoneticPr fontId="1"/>
  </si>
  <si>
    <t>(3) 防火管理に関する責任者を定めているか。</t>
    <rPh sb="4" eb="6">
      <t>ボウカ</t>
    </rPh>
    <rPh sb="6" eb="8">
      <t>カンリ</t>
    </rPh>
    <rPh sb="9" eb="10">
      <t>カン</t>
    </rPh>
    <rPh sb="12" eb="15">
      <t>セキニンシャ</t>
    </rPh>
    <rPh sb="16" eb="17">
      <t>サダ</t>
    </rPh>
    <phoneticPr fontId="1"/>
  </si>
  <si>
    <t>(1) 職員の勤務体制を定めているか。</t>
    <rPh sb="4" eb="6">
      <t>ショクイン</t>
    </rPh>
    <rPh sb="7" eb="9">
      <t>キンム</t>
    </rPh>
    <rPh sb="9" eb="11">
      <t>タイセイ</t>
    </rPh>
    <rPh sb="12" eb="13">
      <t>サダ</t>
    </rPh>
    <phoneticPr fontId="1"/>
  </si>
  <si>
    <t>(2) 職員に対する計画の周知、研修及び訓練を実施しているか。</t>
    <rPh sb="4" eb="6">
      <t>ショクイン</t>
    </rPh>
    <rPh sb="7" eb="8">
      <t>タイ</t>
    </rPh>
    <rPh sb="10" eb="12">
      <t>ケイカク</t>
    </rPh>
    <rPh sb="13" eb="15">
      <t>シュウチ</t>
    </rPh>
    <rPh sb="16" eb="18">
      <t>ケンシュウ</t>
    </rPh>
    <rPh sb="18" eb="19">
      <t>オヨ</t>
    </rPh>
    <rPh sb="20" eb="22">
      <t>クンレン</t>
    </rPh>
    <rPh sb="23" eb="25">
      <t>ジッシ</t>
    </rPh>
    <phoneticPr fontId="1"/>
  </si>
  <si>
    <t>(3) 計画の見直しを行っているか。</t>
    <rPh sb="4" eb="6">
      <t>ケイカク</t>
    </rPh>
    <rPh sb="7" eb="9">
      <t>ミナオ</t>
    </rPh>
    <rPh sb="11" eb="12">
      <t>オコナ</t>
    </rPh>
    <phoneticPr fontId="1"/>
  </si>
  <si>
    <t>(4) 職員の日々の感染罹患状況や健康状態を確認しているか。</t>
    <rPh sb="4" eb="6">
      <t>ショクイン</t>
    </rPh>
    <rPh sb="7" eb="9">
      <t>ヒビ</t>
    </rPh>
    <rPh sb="10" eb="12">
      <t>カンセン</t>
    </rPh>
    <rPh sb="12" eb="14">
      <t>リカン</t>
    </rPh>
    <rPh sb="14" eb="16">
      <t>ジョウキョウ</t>
    </rPh>
    <rPh sb="17" eb="19">
      <t>ケンコウ</t>
    </rPh>
    <rPh sb="19" eb="21">
      <t>ジョウタイ</t>
    </rPh>
    <rPh sb="22" eb="24">
      <t>カクニン</t>
    </rPh>
    <phoneticPr fontId="1"/>
  </si>
  <si>
    <t>(1) 協力病院を定めているか。</t>
    <rPh sb="4" eb="6">
      <t>キョウリョク</t>
    </rPh>
    <rPh sb="6" eb="8">
      <t>ビョウイン</t>
    </rPh>
    <rPh sb="9" eb="10">
      <t>サダ</t>
    </rPh>
    <phoneticPr fontId="1"/>
  </si>
  <si>
    <t>(2) 協力歯科医療機関を定めるよう努めているか。</t>
    <rPh sb="4" eb="6">
      <t>キョウリョク</t>
    </rPh>
    <rPh sb="6" eb="8">
      <t>シカ</t>
    </rPh>
    <rPh sb="8" eb="10">
      <t>イリョウ</t>
    </rPh>
    <rPh sb="10" eb="12">
      <t>キカン</t>
    </rPh>
    <rPh sb="13" eb="14">
      <t>サダ</t>
    </rPh>
    <rPh sb="18" eb="19">
      <t>ツト</t>
    </rPh>
    <phoneticPr fontId="1"/>
  </si>
  <si>
    <t>(1) 苦情受付の窓口があるか。</t>
    <rPh sb="4" eb="6">
      <t>クジョウ</t>
    </rPh>
    <rPh sb="6" eb="8">
      <t>ウケツケ</t>
    </rPh>
    <rPh sb="9" eb="11">
      <t>マドグチ</t>
    </rPh>
    <phoneticPr fontId="1"/>
  </si>
  <si>
    <t>(2) 苦情の受付、内容等を記録、保管しているか。</t>
    <rPh sb="4" eb="6">
      <t>クジョウ</t>
    </rPh>
    <rPh sb="7" eb="9">
      <t>ウケツケ</t>
    </rPh>
    <rPh sb="10" eb="12">
      <t>ナイヨウ</t>
    </rPh>
    <rPh sb="12" eb="13">
      <t>トウ</t>
    </rPh>
    <rPh sb="14" eb="16">
      <t>キロク</t>
    </rPh>
    <rPh sb="17" eb="19">
      <t>ホカン</t>
    </rPh>
    <phoneticPr fontId="1"/>
  </si>
  <si>
    <t>(1) 事故が発生した場合の対応方法を定めているか。</t>
    <rPh sb="4" eb="6">
      <t>ジコ</t>
    </rPh>
    <rPh sb="7" eb="9">
      <t>ハッセイ</t>
    </rPh>
    <rPh sb="11" eb="13">
      <t>バアイ</t>
    </rPh>
    <rPh sb="14" eb="16">
      <t>タイオウ</t>
    </rPh>
    <rPh sb="16" eb="18">
      <t>ホウホウ</t>
    </rPh>
    <rPh sb="19" eb="20">
      <t>サダ</t>
    </rPh>
    <phoneticPr fontId="1"/>
  </si>
  <si>
    <t>(2) 市町村、家族等に報告しているか。</t>
    <rPh sb="4" eb="7">
      <t>シチョウソン</t>
    </rPh>
    <rPh sb="8" eb="10">
      <t>カゾク</t>
    </rPh>
    <rPh sb="10" eb="11">
      <t>トウ</t>
    </rPh>
    <rPh sb="12" eb="14">
      <t>ホウコク</t>
    </rPh>
    <phoneticPr fontId="1"/>
  </si>
  <si>
    <t>(3) 事故状況、対応経過を記録しているか。</t>
    <rPh sb="4" eb="6">
      <t>ジコ</t>
    </rPh>
    <rPh sb="6" eb="8">
      <t>ジョウキョウ</t>
    </rPh>
    <rPh sb="9" eb="11">
      <t>タイオウ</t>
    </rPh>
    <rPh sb="11" eb="13">
      <t>ケイカ</t>
    </rPh>
    <rPh sb="14" eb="16">
      <t>キロク</t>
    </rPh>
    <phoneticPr fontId="1"/>
  </si>
  <si>
    <t>(5) 再発防止のための取組を行っているか。</t>
    <rPh sb="4" eb="6">
      <t>サイハツ</t>
    </rPh>
    <rPh sb="6" eb="8">
      <t>ボウシ</t>
    </rPh>
    <rPh sb="12" eb="14">
      <t>トリクミ</t>
    </rPh>
    <rPh sb="15" eb="16">
      <t>オコナ</t>
    </rPh>
    <phoneticPr fontId="1"/>
  </si>
  <si>
    <t>(7) 上記の措置を適切に実施するための担当者を設置しているか。</t>
    <rPh sb="4" eb="6">
      <t>ジョウキ</t>
    </rPh>
    <rPh sb="7" eb="9">
      <t>ソチ</t>
    </rPh>
    <rPh sb="10" eb="12">
      <t>テキセツ</t>
    </rPh>
    <rPh sb="13" eb="15">
      <t>ジッシ</t>
    </rPh>
    <rPh sb="20" eb="23">
      <t>タントウシャ</t>
    </rPh>
    <rPh sb="24" eb="26">
      <t>セッチ</t>
    </rPh>
    <phoneticPr fontId="1"/>
  </si>
  <si>
    <t>(2) 虐待の発生・再発防止の指針を整備しているか。</t>
    <rPh sb="4" eb="6">
      <t>ギャクタイ</t>
    </rPh>
    <rPh sb="7" eb="9">
      <t>ハッセイ</t>
    </rPh>
    <rPh sb="10" eb="12">
      <t>サイハツ</t>
    </rPh>
    <rPh sb="12" eb="14">
      <t>ボウシ</t>
    </rPh>
    <rPh sb="15" eb="17">
      <t>シシン</t>
    </rPh>
    <rPh sb="18" eb="20">
      <t>セイビ</t>
    </rPh>
    <phoneticPr fontId="1"/>
  </si>
  <si>
    <t>(3) 職員に対して虐待の発生・再発防止の研修を実施しているか。</t>
    <rPh sb="4" eb="6">
      <t>ショクイン</t>
    </rPh>
    <rPh sb="7" eb="8">
      <t>タイ</t>
    </rPh>
    <rPh sb="10" eb="12">
      <t>ギャクタイ</t>
    </rPh>
    <rPh sb="13" eb="15">
      <t>ハッセイ</t>
    </rPh>
    <rPh sb="16" eb="18">
      <t>サイハツ</t>
    </rPh>
    <rPh sb="18" eb="20">
      <t>ボウシ</t>
    </rPh>
    <rPh sb="21" eb="23">
      <t>ケンシュウ</t>
    </rPh>
    <rPh sb="24" eb="26">
      <t>ジッシ</t>
    </rPh>
    <phoneticPr fontId="1"/>
  </si>
  <si>
    <t>(4) 上記の措置を適切に実施するための担当者を設置しているか。</t>
    <rPh sb="4" eb="6">
      <t>ジョウキ</t>
    </rPh>
    <rPh sb="7" eb="9">
      <t>ソチ</t>
    </rPh>
    <rPh sb="10" eb="12">
      <t>テキセツ</t>
    </rPh>
    <rPh sb="13" eb="15">
      <t>ジッシ</t>
    </rPh>
    <rPh sb="20" eb="23">
      <t>タントウシャ</t>
    </rPh>
    <rPh sb="24" eb="26">
      <t>セッチ</t>
    </rPh>
    <phoneticPr fontId="1"/>
  </si>
  <si>
    <t>　・消火・避難訓練を定期的に実施しているか。（年２回以上）</t>
    <rPh sb="2" eb="4">
      <t>ショウカ</t>
    </rPh>
    <rPh sb="5" eb="7">
      <t>ヒナン</t>
    </rPh>
    <rPh sb="7" eb="9">
      <t>クンレン</t>
    </rPh>
    <rPh sb="10" eb="13">
      <t>テイキテキ</t>
    </rPh>
    <rPh sb="14" eb="16">
      <t>ジッシ</t>
    </rPh>
    <rPh sb="23" eb="24">
      <t>ネン</t>
    </rPh>
    <rPh sb="25" eb="26">
      <t>カイ</t>
    </rPh>
    <rPh sb="26" eb="28">
      <t>イジョウ</t>
    </rPh>
    <phoneticPr fontId="1"/>
  </si>
  <si>
    <t>　・非常災害に係る業務継続計画を策定しているか。</t>
    <rPh sb="2" eb="4">
      <t>ヒジョウ</t>
    </rPh>
    <rPh sb="4" eb="6">
      <t>サイガイ</t>
    </rPh>
    <rPh sb="7" eb="8">
      <t>カカ</t>
    </rPh>
    <rPh sb="9" eb="11">
      <t>ギョウム</t>
    </rPh>
    <rPh sb="11" eb="15">
      <t>ケイゾクケイカク</t>
    </rPh>
    <rPh sb="16" eb="18">
      <t>サクテイ</t>
    </rPh>
    <phoneticPr fontId="1"/>
  </si>
  <si>
    <t>　・感染症対策委員会の結果について、職員に周知しているか。</t>
    <rPh sb="2" eb="5">
      <t>カンセンショウ</t>
    </rPh>
    <rPh sb="5" eb="7">
      <t>タイサク</t>
    </rPh>
    <rPh sb="7" eb="10">
      <t>イインカイ</t>
    </rPh>
    <rPh sb="11" eb="13">
      <t>ケッカ</t>
    </rPh>
    <rPh sb="18" eb="20">
      <t>ショクイン</t>
    </rPh>
    <rPh sb="21" eb="23">
      <t>シュウチ</t>
    </rPh>
    <phoneticPr fontId="1"/>
  </si>
  <si>
    <t>　・感染症に係る業務継続計画を策定しているか。</t>
    <rPh sb="2" eb="5">
      <t>カンセンショウ</t>
    </rPh>
    <rPh sb="6" eb="7">
      <t>カカ</t>
    </rPh>
    <rPh sb="8" eb="10">
      <t>ギョウム</t>
    </rPh>
    <rPh sb="10" eb="14">
      <t>ケイゾクケイカク</t>
    </rPh>
    <rPh sb="15" eb="17">
      <t>サクテイ</t>
    </rPh>
    <phoneticPr fontId="1"/>
  </si>
  <si>
    <t>　・事故が発生した場合の対応方法を定めているか。</t>
    <rPh sb="2" eb="4">
      <t>ジコ</t>
    </rPh>
    <rPh sb="5" eb="7">
      <t>ハッセイ</t>
    </rPh>
    <rPh sb="9" eb="11">
      <t>バアイ</t>
    </rPh>
    <rPh sb="12" eb="14">
      <t>タイオウ</t>
    </rPh>
    <rPh sb="14" eb="16">
      <t>ホウホウ</t>
    </rPh>
    <rPh sb="17" eb="18">
      <t>サダ</t>
    </rPh>
    <phoneticPr fontId="1"/>
  </si>
  <si>
    <t>　・事故発生の防止のための指針を整備しているか。</t>
    <rPh sb="2" eb="4">
      <t>ジコ</t>
    </rPh>
    <rPh sb="4" eb="6">
      <t>ハッセイ</t>
    </rPh>
    <rPh sb="7" eb="9">
      <t>ボウシ</t>
    </rPh>
    <rPh sb="13" eb="15">
      <t>シシン</t>
    </rPh>
    <rPh sb="16" eb="18">
      <t>セイビ</t>
    </rPh>
    <phoneticPr fontId="1"/>
  </si>
  <si>
    <t>　・報告された事例及び分析結果を職員に周知しているか。</t>
    <rPh sb="2" eb="4">
      <t>ホウコク</t>
    </rPh>
    <rPh sb="7" eb="9">
      <t>ジレイ</t>
    </rPh>
    <rPh sb="9" eb="10">
      <t>オヨ</t>
    </rPh>
    <rPh sb="11" eb="13">
      <t>ブンセキ</t>
    </rPh>
    <rPh sb="13" eb="15">
      <t>ケッカ</t>
    </rPh>
    <rPh sb="16" eb="18">
      <t>ショクイン</t>
    </rPh>
    <rPh sb="19" eb="21">
      <t>シュウチ</t>
    </rPh>
    <phoneticPr fontId="1"/>
  </si>
  <si>
    <t>　・事故発生の防止のための委員会を定期的に開催しているか。</t>
    <rPh sb="2" eb="4">
      <t>ジコ</t>
    </rPh>
    <rPh sb="4" eb="6">
      <t>ハッセイ</t>
    </rPh>
    <rPh sb="7" eb="9">
      <t>ボウシ</t>
    </rPh>
    <rPh sb="13" eb="16">
      <t>イインカイ</t>
    </rPh>
    <rPh sb="17" eb="20">
      <t>テイキテキ</t>
    </rPh>
    <rPh sb="21" eb="23">
      <t>カイサイ</t>
    </rPh>
    <phoneticPr fontId="1"/>
  </si>
  <si>
    <t>　・事故発生時、速やかに市町村、家族等に報告しているか。</t>
    <rPh sb="2" eb="4">
      <t>ジコ</t>
    </rPh>
    <rPh sb="4" eb="6">
      <t>ハッセイ</t>
    </rPh>
    <rPh sb="6" eb="7">
      <t>ジ</t>
    </rPh>
    <rPh sb="8" eb="9">
      <t>スミ</t>
    </rPh>
    <rPh sb="12" eb="15">
      <t>シチョウソン</t>
    </rPh>
    <rPh sb="16" eb="18">
      <t>カゾク</t>
    </rPh>
    <rPh sb="18" eb="19">
      <t>トウ</t>
    </rPh>
    <rPh sb="20" eb="22">
      <t>ホウコク</t>
    </rPh>
    <phoneticPr fontId="1"/>
  </si>
  <si>
    <t>　・事故状況、対応経過を記録しているか。</t>
    <rPh sb="2" eb="4">
      <t>ジコ</t>
    </rPh>
    <rPh sb="4" eb="6">
      <t>ジョウキョウ</t>
    </rPh>
    <rPh sb="7" eb="9">
      <t>タイオウ</t>
    </rPh>
    <rPh sb="9" eb="11">
      <t>ケイカ</t>
    </rPh>
    <rPh sb="12" eb="14">
      <t>キロク</t>
    </rPh>
    <phoneticPr fontId="1"/>
  </si>
  <si>
    <t>　・上記の措置を適切に実施するための担当者を設置しているか。</t>
    <rPh sb="2" eb="4">
      <t>ジョウキ</t>
    </rPh>
    <rPh sb="5" eb="7">
      <t>ソチ</t>
    </rPh>
    <rPh sb="8" eb="10">
      <t>テキセツ</t>
    </rPh>
    <rPh sb="11" eb="13">
      <t>ジッシ</t>
    </rPh>
    <rPh sb="18" eb="21">
      <t>タントウシャ</t>
    </rPh>
    <rPh sb="22" eb="24">
      <t>セッチ</t>
    </rPh>
    <phoneticPr fontId="1"/>
  </si>
  <si>
    <t>　・虐待の発生・再発防止の指針を整備しているか。</t>
    <rPh sb="2" eb="4">
      <t>ギャクタイ</t>
    </rPh>
    <rPh sb="5" eb="7">
      <t>ハッセイ</t>
    </rPh>
    <rPh sb="8" eb="10">
      <t>サイハツ</t>
    </rPh>
    <rPh sb="10" eb="12">
      <t>ボウシ</t>
    </rPh>
    <rPh sb="13" eb="15">
      <t>シシン</t>
    </rPh>
    <rPh sb="16" eb="18">
      <t>セイビ</t>
    </rPh>
    <phoneticPr fontId="1"/>
  </si>
  <si>
    <t>　・身体的拘束等の適正化のための指針を整備しているか。</t>
    <rPh sb="2" eb="7">
      <t>シンタイテキコウソク</t>
    </rPh>
    <rPh sb="7" eb="8">
      <t>トウ</t>
    </rPh>
    <rPh sb="9" eb="12">
      <t>テキセイカ</t>
    </rPh>
    <rPh sb="16" eb="18">
      <t>シシン</t>
    </rPh>
    <rPh sb="19" eb="21">
      <t>セイビ</t>
    </rPh>
    <phoneticPr fontId="1"/>
  </si>
  <si>
    <t>根拠法令等</t>
    <rPh sb="0" eb="2">
      <t>コンキョ</t>
    </rPh>
    <rPh sb="2" eb="4">
      <t>ホウレイ</t>
    </rPh>
    <rPh sb="4" eb="5">
      <t>トウ</t>
    </rPh>
    <phoneticPr fontId="1"/>
  </si>
  <si>
    <t>１　各確認項目について、右ページに示している根拠法令等を参考に自主点検を行い、その結果</t>
    <rPh sb="2" eb="3">
      <t>カク</t>
    </rPh>
    <rPh sb="3" eb="5">
      <t>カクニン</t>
    </rPh>
    <rPh sb="5" eb="7">
      <t>コウモク</t>
    </rPh>
    <rPh sb="26" eb="27">
      <t>トウ</t>
    </rPh>
    <phoneticPr fontId="1"/>
  </si>
  <si>
    <t>４　各確認項目は、右ページに示した施設が遵守すべき最低限の基準（根拠法令）を基に設定し</t>
    <rPh sb="2" eb="3">
      <t>カク</t>
    </rPh>
    <rPh sb="3" eb="5">
      <t>カクニン</t>
    </rPh>
    <rPh sb="5" eb="7">
      <t>コウモク</t>
    </rPh>
    <rPh sb="9" eb="10">
      <t>ミギ</t>
    </rPh>
    <rPh sb="14" eb="15">
      <t>シメ</t>
    </rPh>
    <rPh sb="17" eb="19">
      <t>シセツ</t>
    </rPh>
    <rPh sb="20" eb="22">
      <t>ジュンシュ</t>
    </rPh>
    <rPh sb="25" eb="28">
      <t>サイテイゲン</t>
    </rPh>
    <rPh sb="29" eb="31">
      <t>キジュン</t>
    </rPh>
    <rPh sb="32" eb="34">
      <t>コンキョ</t>
    </rPh>
    <rPh sb="34" eb="36">
      <t>ホウレイ</t>
    </rPh>
    <rPh sb="38" eb="39">
      <t>モト</t>
    </rPh>
    <phoneticPr fontId="1"/>
  </si>
  <si>
    <t>□職員の資格証等資格要</t>
    <rPh sb="1" eb="3">
      <t>ショクイン</t>
    </rPh>
    <rPh sb="4" eb="6">
      <t>シカク</t>
    </rPh>
    <rPh sb="6" eb="7">
      <t>ショウ</t>
    </rPh>
    <rPh sb="7" eb="8">
      <t>トウ</t>
    </rPh>
    <rPh sb="8" eb="10">
      <t>シカク</t>
    </rPh>
    <phoneticPr fontId="1"/>
  </si>
  <si>
    <t>　件を確認できる文書</t>
    <phoneticPr fontId="1"/>
  </si>
  <si>
    <t>(1) 基準条例第２条に規定する基本方針に沿った施設運営を行っている</t>
    <rPh sb="4" eb="8">
      <t>キジュンジョウレイ</t>
    </rPh>
    <rPh sb="8" eb="9">
      <t>ダイ</t>
    </rPh>
    <rPh sb="10" eb="11">
      <t>ジョウ</t>
    </rPh>
    <rPh sb="12" eb="14">
      <t>キテイ</t>
    </rPh>
    <rPh sb="16" eb="18">
      <t>キホン</t>
    </rPh>
    <rPh sb="18" eb="20">
      <t>ホウシン</t>
    </rPh>
    <rPh sb="21" eb="22">
      <t>ソ</t>
    </rPh>
    <rPh sb="24" eb="26">
      <t>シセツ</t>
    </rPh>
    <rPh sb="26" eb="28">
      <t>ウンエイ</t>
    </rPh>
    <rPh sb="29" eb="30">
      <t>オコナ</t>
    </rPh>
    <phoneticPr fontId="1"/>
  </si>
  <si>
    <t>(1) 入所者に対し健康管理及び療養上の指導を行うために必要な数を配</t>
    <rPh sb="4" eb="7">
      <t>ニュウショシャ</t>
    </rPh>
    <rPh sb="8" eb="9">
      <t>タイ</t>
    </rPh>
    <rPh sb="10" eb="12">
      <t>ケンコウ</t>
    </rPh>
    <rPh sb="12" eb="14">
      <t>カンリ</t>
    </rPh>
    <rPh sb="14" eb="15">
      <t>オヨ</t>
    </rPh>
    <rPh sb="16" eb="18">
      <t>リョウヨウ</t>
    </rPh>
    <rPh sb="18" eb="19">
      <t>ジョウ</t>
    </rPh>
    <rPh sb="20" eb="22">
      <t>シドウ</t>
    </rPh>
    <rPh sb="23" eb="24">
      <t>オコナ</t>
    </rPh>
    <rPh sb="28" eb="30">
      <t>ヒツヨウ</t>
    </rPh>
    <rPh sb="31" eb="32">
      <t>カズ</t>
    </rPh>
    <rPh sb="33" eb="34">
      <t>ハイ</t>
    </rPh>
    <phoneticPr fontId="1"/>
  </si>
  <si>
    <t>　置しているか。</t>
    <rPh sb="1" eb="2">
      <t>オ</t>
    </rPh>
    <phoneticPr fontId="1"/>
  </si>
  <si>
    <t>☑</t>
    <phoneticPr fontId="1"/>
  </si>
  <si>
    <t>☐</t>
  </si>
  <si>
    <t>☐</t>
    <phoneticPr fontId="1"/>
  </si>
  <si>
    <t>(2) 過去３年間に変更（建物・設備の改修、用途の変更等）がある場合、</t>
    <rPh sb="32" eb="34">
      <t>バアイ</t>
    </rPh>
    <phoneticPr fontId="1"/>
  </si>
  <si>
    <t>　変更内容は設備基準を満たしているか。</t>
    <rPh sb="1" eb="3">
      <t>ヘンコウ</t>
    </rPh>
    <rPh sb="3" eb="5">
      <t>ナイヨウ</t>
    </rPh>
    <rPh sb="6" eb="8">
      <t>セツビ</t>
    </rPh>
    <phoneticPr fontId="1"/>
  </si>
  <si>
    <t>虐待の防止のための措置に関する事項　※令和6年3月31日まで努力義務</t>
    <rPh sb="0" eb="2">
      <t>ギャクタイ</t>
    </rPh>
    <rPh sb="3" eb="5">
      <t>ボウシ</t>
    </rPh>
    <rPh sb="9" eb="11">
      <t>ソチ</t>
    </rPh>
    <rPh sb="12" eb="13">
      <t>カン</t>
    </rPh>
    <rPh sb="15" eb="17">
      <t>ジコウ</t>
    </rPh>
    <rPh sb="19" eb="21">
      <t>レイワ</t>
    </rPh>
    <rPh sb="22" eb="23">
      <t>ネン</t>
    </rPh>
    <rPh sb="24" eb="25">
      <t>ガツ</t>
    </rPh>
    <rPh sb="27" eb="28">
      <t>ニチ</t>
    </rPh>
    <rPh sb="30" eb="32">
      <t>ドリョク</t>
    </rPh>
    <rPh sb="32" eb="34">
      <t>ギム</t>
    </rPh>
    <phoneticPr fontId="1"/>
  </si>
  <si>
    <t>(1) 処遇に関する計画にある目標を達成するための具体的なサービスの</t>
    <rPh sb="4" eb="6">
      <t>ショグウ</t>
    </rPh>
    <rPh sb="7" eb="8">
      <t>カン</t>
    </rPh>
    <rPh sb="10" eb="12">
      <t>ケイカク</t>
    </rPh>
    <rPh sb="15" eb="17">
      <t>モクヒョウ</t>
    </rPh>
    <rPh sb="18" eb="20">
      <t>タッセイ</t>
    </rPh>
    <rPh sb="25" eb="28">
      <t>グタイテキ</t>
    </rPh>
    <phoneticPr fontId="1"/>
  </si>
  <si>
    <t>　内容を記載しているか。</t>
    <phoneticPr fontId="1"/>
  </si>
  <si>
    <t>　記録しているか。</t>
    <phoneticPr fontId="1"/>
  </si>
  <si>
    <t>(2) 日々のサービスについて、具体的な内容や入所者の心身の状況等を</t>
    <rPh sb="4" eb="6">
      <t>ヒビ</t>
    </rPh>
    <rPh sb="16" eb="19">
      <t>グタイテキ</t>
    </rPh>
    <rPh sb="20" eb="22">
      <t>ナイヨウ</t>
    </rPh>
    <rPh sb="23" eb="26">
      <t>ニュウショシャ</t>
    </rPh>
    <rPh sb="27" eb="29">
      <t>シンシン</t>
    </rPh>
    <rPh sb="30" eb="31">
      <t>ジョウ</t>
    </rPh>
    <phoneticPr fontId="1"/>
  </si>
  <si>
    <t>(1) 入所者の心身の状況、生活歴、病歴等の把握に努めているか。</t>
    <rPh sb="4" eb="7">
      <t>ニュウショシャ</t>
    </rPh>
    <rPh sb="8" eb="10">
      <t>シンシン</t>
    </rPh>
    <rPh sb="11" eb="13">
      <t>ジョウキョウ</t>
    </rPh>
    <rPh sb="14" eb="16">
      <t>セイカツ</t>
    </rPh>
    <rPh sb="16" eb="17">
      <t>レキ</t>
    </rPh>
    <rPh sb="18" eb="20">
      <t>ビョウレキ</t>
    </rPh>
    <rPh sb="20" eb="21">
      <t>トウ</t>
    </rPh>
    <rPh sb="22" eb="24">
      <t>ハアク</t>
    </rPh>
    <rPh sb="25" eb="26">
      <t>ツト</t>
    </rPh>
    <phoneticPr fontId="1"/>
  </si>
  <si>
    <t>(2) 入所者が居宅において日常生活を営むことができるか、多職種（生</t>
    <rPh sb="4" eb="7">
      <t>ニュウショシャ</t>
    </rPh>
    <rPh sb="8" eb="10">
      <t>キョタク</t>
    </rPh>
    <rPh sb="14" eb="16">
      <t>ニチジョウ</t>
    </rPh>
    <rPh sb="16" eb="18">
      <t>セイカツ</t>
    </rPh>
    <rPh sb="19" eb="20">
      <t>イトナ</t>
    </rPh>
    <rPh sb="29" eb="30">
      <t>タ</t>
    </rPh>
    <rPh sb="30" eb="31">
      <t>ショク</t>
    </rPh>
    <phoneticPr fontId="1"/>
  </si>
  <si>
    <t>(1) 入所者の心身の状況、希望等を踏まえて処遇に関する計画を立てて</t>
    <rPh sb="4" eb="7">
      <t>ニュウショシャ</t>
    </rPh>
    <rPh sb="8" eb="10">
      <t>シンシン</t>
    </rPh>
    <rPh sb="11" eb="13">
      <t>ジョウキョウ</t>
    </rPh>
    <rPh sb="14" eb="16">
      <t>キボウ</t>
    </rPh>
    <rPh sb="16" eb="17">
      <t>トウ</t>
    </rPh>
    <rPh sb="18" eb="19">
      <t>フ</t>
    </rPh>
    <rPh sb="22" eb="24">
      <t>ショグウ</t>
    </rPh>
    <rPh sb="25" eb="26">
      <t>カン</t>
    </rPh>
    <rPh sb="28" eb="30">
      <t>ケイカク</t>
    </rPh>
    <phoneticPr fontId="1"/>
  </si>
  <si>
    <t>(3) 達成状況に基づき、新たな処遇に関する計画を立てているか。</t>
    <rPh sb="4" eb="6">
      <t>タッセイ</t>
    </rPh>
    <rPh sb="6" eb="8">
      <t>ジョウキョウ</t>
    </rPh>
    <rPh sb="9" eb="10">
      <t>モト</t>
    </rPh>
    <rPh sb="13" eb="14">
      <t>アラ</t>
    </rPh>
    <rPh sb="16" eb="18">
      <t>ショグウ</t>
    </rPh>
    <rPh sb="19" eb="20">
      <t>カン</t>
    </rPh>
    <rPh sb="22" eb="24">
      <t>ケイカク</t>
    </rPh>
    <rPh sb="25" eb="26">
      <t>タ</t>
    </rPh>
    <phoneticPr fontId="1"/>
  </si>
  <si>
    <t>(1) 生命又は身体を保護するため、緊急やむを得ない場合を除き、身体</t>
    <rPh sb="4" eb="6">
      <t>セイメイ</t>
    </rPh>
    <rPh sb="6" eb="7">
      <t>マタ</t>
    </rPh>
    <rPh sb="8" eb="10">
      <t>シンタイ</t>
    </rPh>
    <rPh sb="11" eb="13">
      <t>ホゴ</t>
    </rPh>
    <rPh sb="18" eb="20">
      <t>キンキュウ</t>
    </rPh>
    <rPh sb="23" eb="24">
      <t>エ</t>
    </rPh>
    <rPh sb="26" eb="28">
      <t>バアイ</t>
    </rPh>
    <rPh sb="29" eb="30">
      <t>ノゾ</t>
    </rPh>
    <phoneticPr fontId="1"/>
  </si>
  <si>
    <t>　間に提供しているか。</t>
    <phoneticPr fontId="1"/>
  </si>
  <si>
    <t>(1) 栄養並びに入所者の心身の状況及び嗜好を考慮した食事を適切な時</t>
    <rPh sb="4" eb="6">
      <t>エイヨウ</t>
    </rPh>
    <rPh sb="6" eb="7">
      <t>ナラ</t>
    </rPh>
    <rPh sb="9" eb="12">
      <t>ニュウショシャ</t>
    </rPh>
    <rPh sb="13" eb="15">
      <t>シンシン</t>
    </rPh>
    <rPh sb="16" eb="18">
      <t>ジョウキョウ</t>
    </rPh>
    <rPh sb="18" eb="19">
      <t>オヨ</t>
    </rPh>
    <rPh sb="20" eb="22">
      <t>シコウ</t>
    </rPh>
    <rPh sb="23" eb="25">
      <t>コウリョ</t>
    </rPh>
    <rPh sb="27" eb="29">
      <t>ショクジ</t>
    </rPh>
    <rPh sb="30" eb="31">
      <t>テキ</t>
    </rPh>
    <phoneticPr fontId="1"/>
  </si>
  <si>
    <t>(1) 常に入所者の心身の状況、その置かれている環境等の的確な把握に</t>
    <rPh sb="4" eb="5">
      <t>ツネ</t>
    </rPh>
    <rPh sb="6" eb="9">
      <t>ニュウショシャ</t>
    </rPh>
    <rPh sb="10" eb="12">
      <t>シンシン</t>
    </rPh>
    <rPh sb="13" eb="15">
      <t>ジョウキョウ</t>
    </rPh>
    <rPh sb="18" eb="19">
      <t>オ</t>
    </rPh>
    <rPh sb="24" eb="26">
      <t>カンキョウ</t>
    </rPh>
    <rPh sb="26" eb="27">
      <t>トウ</t>
    </rPh>
    <rPh sb="28" eb="30">
      <t>テキカク</t>
    </rPh>
    <phoneticPr fontId="1"/>
  </si>
  <si>
    <t>　必要な助言その他の援助を行っているか。</t>
    <phoneticPr fontId="1"/>
  </si>
  <si>
    <t>　努め、入所者又はその家族に対し、その相談に適切に応じるとともに、</t>
    <phoneticPr fontId="1"/>
  </si>
  <si>
    <t>　ることの防止に向けた方針の明確化等の措置を講じているか。</t>
    <phoneticPr fontId="1"/>
  </si>
  <si>
    <t>　じているか。　※令和6年3月31日まで努力義務</t>
    <rPh sb="9" eb="11">
      <t>レイワ</t>
    </rPh>
    <rPh sb="12" eb="13">
      <t>ネン</t>
    </rPh>
    <rPh sb="14" eb="15">
      <t>ガツ</t>
    </rPh>
    <rPh sb="17" eb="18">
      <t>ニチ</t>
    </rPh>
    <rPh sb="20" eb="22">
      <t>ドリョク</t>
    </rPh>
    <rPh sb="22" eb="24">
      <t>ギム</t>
    </rPh>
    <phoneticPr fontId="1"/>
  </si>
  <si>
    <t>　連携を保っているか。</t>
    <phoneticPr fontId="1"/>
  </si>
  <si>
    <t>(2) 感染症及び食中毒の予防及びまん延の防止のための対策を講じてい</t>
    <rPh sb="4" eb="7">
      <t>カンセンショウ</t>
    </rPh>
    <rPh sb="7" eb="8">
      <t>オヨ</t>
    </rPh>
    <rPh sb="9" eb="12">
      <t>ショクチュウドク</t>
    </rPh>
    <rPh sb="13" eb="16">
      <t>ヨボウオヨ</t>
    </rPh>
    <rPh sb="19" eb="20">
      <t>エン</t>
    </rPh>
    <rPh sb="21" eb="23">
      <t>ボウシ</t>
    </rPh>
    <rPh sb="27" eb="29">
      <t>タイサク</t>
    </rPh>
    <rPh sb="30" eb="31">
      <t>コウ</t>
    </rPh>
    <phoneticPr fontId="1"/>
  </si>
  <si>
    <t>(3) 感染症又は食中毒の予防及びまん延の防止のための対策を検討する</t>
    <rPh sb="4" eb="7">
      <t>カンセンショウ</t>
    </rPh>
    <rPh sb="7" eb="8">
      <t>マタ</t>
    </rPh>
    <rPh sb="9" eb="12">
      <t>ショクチュウドク</t>
    </rPh>
    <rPh sb="13" eb="15">
      <t>ヨボウ</t>
    </rPh>
    <rPh sb="15" eb="16">
      <t>オヨ</t>
    </rPh>
    <rPh sb="19" eb="20">
      <t>エン</t>
    </rPh>
    <rPh sb="21" eb="23">
      <t>ボウシ</t>
    </rPh>
    <rPh sb="27" eb="29">
      <t>タイサク</t>
    </rPh>
    <phoneticPr fontId="1"/>
  </si>
  <si>
    <t>(1) 個人情報の利用に当たり、入所者及び家族から同意を得ているか。</t>
    <rPh sb="4" eb="6">
      <t>コジン</t>
    </rPh>
    <rPh sb="6" eb="8">
      <t>ジョウホウ</t>
    </rPh>
    <rPh sb="9" eb="11">
      <t>リヨウ</t>
    </rPh>
    <rPh sb="12" eb="13">
      <t>ア</t>
    </rPh>
    <rPh sb="16" eb="19">
      <t>ニュウショシャ</t>
    </rPh>
    <rPh sb="19" eb="20">
      <t>オヨ</t>
    </rPh>
    <rPh sb="21" eb="23">
      <t>カゾク</t>
    </rPh>
    <rPh sb="25" eb="27">
      <t>ドウイ</t>
    </rPh>
    <rPh sb="28" eb="29">
      <t>エ</t>
    </rPh>
    <phoneticPr fontId="1"/>
  </si>
  <si>
    <t>(2) 退職者を含む職員が入所者の秘密を保持することを誓約しているか。</t>
    <rPh sb="4" eb="6">
      <t>タイショク</t>
    </rPh>
    <rPh sb="6" eb="7">
      <t>シャ</t>
    </rPh>
    <rPh sb="8" eb="9">
      <t>フク</t>
    </rPh>
    <rPh sb="10" eb="12">
      <t>ショクイン</t>
    </rPh>
    <rPh sb="13" eb="16">
      <t>ニュウショシャ</t>
    </rPh>
    <rPh sb="17" eb="19">
      <t>ヒミツ</t>
    </rPh>
    <rPh sb="20" eb="22">
      <t>ホジ</t>
    </rPh>
    <rPh sb="27" eb="29">
      <t>セイヤク</t>
    </rPh>
    <phoneticPr fontId="1"/>
  </si>
  <si>
    <t>(3) 苦情の内容を踏まえたサービスの質向上の取組を行っているか。</t>
    <rPh sb="4" eb="6">
      <t>クジョウ</t>
    </rPh>
    <rPh sb="7" eb="9">
      <t>ナイヨウ</t>
    </rPh>
    <rPh sb="10" eb="11">
      <t>フ</t>
    </rPh>
    <rPh sb="19" eb="20">
      <t>シツ</t>
    </rPh>
    <rPh sb="20" eb="22">
      <t>コウジョウ</t>
    </rPh>
    <rPh sb="23" eb="25">
      <t>トリクミ</t>
    </rPh>
    <rPh sb="26" eb="27">
      <t>オコナ</t>
    </rPh>
    <phoneticPr fontId="1"/>
  </si>
  <si>
    <t>　対策を講じているか。</t>
    <phoneticPr fontId="1"/>
  </si>
  <si>
    <t>(4) 損害賠償すべき事故が発生した場合に、速やかに賠償を行うための</t>
    <rPh sb="4" eb="8">
      <t>ソンガイバイショウ</t>
    </rPh>
    <rPh sb="11" eb="13">
      <t>ジコ</t>
    </rPh>
    <rPh sb="14" eb="16">
      <t>ハッセイ</t>
    </rPh>
    <rPh sb="18" eb="20">
      <t>バアイ</t>
    </rPh>
    <rPh sb="22" eb="23">
      <t>スミ</t>
    </rPh>
    <rPh sb="26" eb="28">
      <t>バイショウ</t>
    </rPh>
    <rPh sb="29" eb="30">
      <t>オコナ</t>
    </rPh>
    <phoneticPr fontId="1"/>
  </si>
  <si>
    <t>(6) 事故発生の防止のための委員会及び職員に対する研修を定期的に行</t>
    <rPh sb="4" eb="6">
      <t>ジコ</t>
    </rPh>
    <rPh sb="6" eb="8">
      <t>ハッセイ</t>
    </rPh>
    <rPh sb="9" eb="11">
      <t>ボウシ</t>
    </rPh>
    <rPh sb="15" eb="18">
      <t>イインカイ</t>
    </rPh>
    <rPh sb="18" eb="19">
      <t>オヨ</t>
    </rPh>
    <rPh sb="20" eb="22">
      <t>ショクイン</t>
    </rPh>
    <rPh sb="23" eb="24">
      <t>タイ</t>
    </rPh>
    <rPh sb="26" eb="28">
      <t>ケンシュウ</t>
    </rPh>
    <rPh sb="29" eb="31">
      <t>テイキ</t>
    </rPh>
    <phoneticPr fontId="1"/>
  </si>
  <si>
    <t>(1) 虐待の発生・再発防止のための対策を検討する委員会を定期的に開</t>
    <rPh sb="4" eb="6">
      <t>ギャクタイ</t>
    </rPh>
    <rPh sb="7" eb="9">
      <t>ハッセイ</t>
    </rPh>
    <rPh sb="10" eb="12">
      <t>サイハツ</t>
    </rPh>
    <rPh sb="12" eb="14">
      <t>ボウシ</t>
    </rPh>
    <rPh sb="18" eb="20">
      <t>タイサク</t>
    </rPh>
    <rPh sb="21" eb="23">
      <t>ケントウ</t>
    </rPh>
    <rPh sb="25" eb="28">
      <t>イインカイ</t>
    </rPh>
    <rPh sb="29" eb="31">
      <t>テイキ</t>
    </rPh>
    <phoneticPr fontId="1"/>
  </si>
  <si>
    <t>　　を個別に作成しているか。</t>
    <phoneticPr fontId="1"/>
  </si>
  <si>
    <t>　・災害の種類や立地条件に応じた具体的な計画（非常災害対策計画）</t>
    <rPh sb="16" eb="19">
      <t>グタイテキ</t>
    </rPh>
    <rPh sb="23" eb="25">
      <t>ヒジョウ</t>
    </rPh>
    <rPh sb="25" eb="27">
      <t>サイガイ</t>
    </rPh>
    <rPh sb="27" eb="29">
      <t>タイサク</t>
    </rPh>
    <phoneticPr fontId="1"/>
  </si>
  <si>
    <t>　　施設内に掲示しているか。</t>
    <phoneticPr fontId="1"/>
  </si>
  <si>
    <t>　・非常災害対策計画の内容について、職員及び入所者に分かりやすく</t>
    <rPh sb="2" eb="4">
      <t>ヒジョウ</t>
    </rPh>
    <rPh sb="4" eb="6">
      <t>サイガイ</t>
    </rPh>
    <rPh sb="6" eb="8">
      <t>タイサク</t>
    </rPh>
    <rPh sb="8" eb="10">
      <t>ケイカク</t>
    </rPh>
    <rPh sb="11" eb="13">
      <t>ナイヨウ</t>
    </rPh>
    <rPh sb="18" eb="20">
      <t>ショクイン</t>
    </rPh>
    <rPh sb="20" eb="21">
      <t>オヨ</t>
    </rPh>
    <rPh sb="22" eb="25">
      <t>ニュウショシャ</t>
    </rPh>
    <rPh sb="26" eb="27">
      <t>ワ</t>
    </rPh>
    <phoneticPr fontId="1"/>
  </si>
  <si>
    <t>　・非常災害時の関係機関への通報及び連携体制を整備しているか。</t>
    <rPh sb="2" eb="4">
      <t>ヒジョウ</t>
    </rPh>
    <rPh sb="4" eb="6">
      <t>サイガイ</t>
    </rPh>
    <rPh sb="6" eb="7">
      <t>ジ</t>
    </rPh>
    <rPh sb="8" eb="10">
      <t>カンケイ</t>
    </rPh>
    <rPh sb="10" eb="12">
      <t>キカン</t>
    </rPh>
    <rPh sb="14" eb="16">
      <t>ツウホウ</t>
    </rPh>
    <rPh sb="16" eb="17">
      <t>オヨ</t>
    </rPh>
    <rPh sb="18" eb="20">
      <t>レンケイ</t>
    </rPh>
    <rPh sb="20" eb="22">
      <t>タイセイ</t>
    </rPh>
    <rPh sb="23" eb="25">
      <t>セイビ</t>
    </rPh>
    <phoneticPr fontId="1"/>
  </si>
  <si>
    <t>　　が得られる体制づくりに努めているか。</t>
    <rPh sb="3" eb="4">
      <t>エ</t>
    </rPh>
    <rPh sb="7" eb="9">
      <t>タイセイ</t>
    </rPh>
    <rPh sb="13" eb="14">
      <t>ツト</t>
    </rPh>
    <phoneticPr fontId="1"/>
  </si>
  <si>
    <t>　・地域社会との連携を図ることにより、非常災害時に地域住民の協力</t>
    <rPh sb="2" eb="4">
      <t>チイキ</t>
    </rPh>
    <rPh sb="4" eb="6">
      <t>シャカイ</t>
    </rPh>
    <rPh sb="8" eb="10">
      <t>レンケイ</t>
    </rPh>
    <rPh sb="11" eb="12">
      <t>ハカ</t>
    </rPh>
    <rPh sb="19" eb="21">
      <t>ヒジョウ</t>
    </rPh>
    <rPh sb="21" eb="23">
      <t>サイガイ</t>
    </rPh>
    <rPh sb="23" eb="24">
      <t>ジ</t>
    </rPh>
    <rPh sb="25" eb="27">
      <t>チイキ</t>
    </rPh>
    <rPh sb="27" eb="29">
      <t>ジュウミン</t>
    </rPh>
    <phoneticPr fontId="1"/>
  </si>
  <si>
    <t>　・非常災害に係る業務継続計画について、研修を定期的に実施してい</t>
    <rPh sb="2" eb="4">
      <t>ヒジョウ</t>
    </rPh>
    <rPh sb="4" eb="6">
      <t>サイガイ</t>
    </rPh>
    <rPh sb="7" eb="8">
      <t>カカ</t>
    </rPh>
    <rPh sb="9" eb="11">
      <t>ギョウム</t>
    </rPh>
    <rPh sb="11" eb="15">
      <t>ケイゾクケイカク</t>
    </rPh>
    <rPh sb="20" eb="22">
      <t>ケンシュウ</t>
    </rPh>
    <rPh sb="23" eb="26">
      <t>テイキテキ</t>
    </rPh>
    <rPh sb="27" eb="29">
      <t>ジッシ</t>
    </rPh>
    <phoneticPr fontId="1"/>
  </si>
  <si>
    <t>　・非常災害に係る業務継続計画について、訓練を定期的に実施してい</t>
    <rPh sb="2" eb="4">
      <t>ヒジョウ</t>
    </rPh>
    <rPh sb="4" eb="6">
      <t>サイガイ</t>
    </rPh>
    <rPh sb="7" eb="8">
      <t>カカ</t>
    </rPh>
    <rPh sb="9" eb="11">
      <t>ギョウム</t>
    </rPh>
    <rPh sb="11" eb="15">
      <t>ケイゾクケイカク</t>
    </rPh>
    <rPh sb="20" eb="22">
      <t>クンレン</t>
    </rPh>
    <rPh sb="23" eb="26">
      <t>テイキテキ</t>
    </rPh>
    <rPh sb="27" eb="29">
      <t>ジッシ</t>
    </rPh>
    <phoneticPr fontId="1"/>
  </si>
  <si>
    <t>　　※令和6年3月31日まで努力義務</t>
    <phoneticPr fontId="1"/>
  </si>
  <si>
    <t>　　るか。（年２回以上）　※令和6年3月31日まで努力義務</t>
    <rPh sb="6" eb="7">
      <t>ネン</t>
    </rPh>
    <rPh sb="8" eb="9">
      <t>カイ</t>
    </rPh>
    <rPh sb="9" eb="11">
      <t>イジョウ</t>
    </rPh>
    <phoneticPr fontId="1"/>
  </si>
  <si>
    <t>　　備を整備し、備蓄品を確保しているか。</t>
    <rPh sb="2" eb="3">
      <t>ビ</t>
    </rPh>
    <rPh sb="4" eb="6">
      <t>セイビ</t>
    </rPh>
    <rPh sb="8" eb="10">
      <t>ビチク</t>
    </rPh>
    <rPh sb="10" eb="11">
      <t>ヒン</t>
    </rPh>
    <rPh sb="12" eb="14">
      <t>カクホ</t>
    </rPh>
    <phoneticPr fontId="1"/>
  </si>
  <si>
    <t>　・災害発生時に施設機能を維持し、業務を継続するために必要な、設</t>
    <rPh sb="2" eb="4">
      <t>サイガイ</t>
    </rPh>
    <rPh sb="4" eb="6">
      <t>ハッセイ</t>
    </rPh>
    <rPh sb="6" eb="7">
      <t>ジ</t>
    </rPh>
    <rPh sb="8" eb="10">
      <t>シセツ</t>
    </rPh>
    <rPh sb="10" eb="12">
      <t>キノウ</t>
    </rPh>
    <rPh sb="13" eb="15">
      <t>イジ</t>
    </rPh>
    <rPh sb="17" eb="19">
      <t>ギョウム</t>
    </rPh>
    <rPh sb="20" eb="22">
      <t>ケイゾク</t>
    </rPh>
    <rPh sb="27" eb="28">
      <t>ヒツ</t>
    </rPh>
    <phoneticPr fontId="1"/>
  </si>
  <si>
    <t>食糧</t>
    <rPh sb="0" eb="2">
      <t>ショクリョウ</t>
    </rPh>
    <phoneticPr fontId="1"/>
  </si>
  <si>
    <t>水</t>
    <rPh sb="0" eb="1">
      <t>ミズ</t>
    </rPh>
    <phoneticPr fontId="1"/>
  </si>
  <si>
    <t>自家発電設備</t>
    <rPh sb="0" eb="2">
      <t>ジカ</t>
    </rPh>
    <rPh sb="2" eb="4">
      <t>ハツデン</t>
    </rPh>
    <rPh sb="4" eb="6">
      <t>セツビ</t>
    </rPh>
    <phoneticPr fontId="1"/>
  </si>
  <si>
    <t>品名・数量等</t>
    <rPh sb="0" eb="2">
      <t>ヒンメイ</t>
    </rPh>
    <rPh sb="3" eb="5">
      <t>スウリョウ</t>
    </rPh>
    <rPh sb="5" eb="6">
      <t>トウ</t>
    </rPh>
    <phoneticPr fontId="1"/>
  </si>
  <si>
    <t>給水（貯水）設備</t>
    <rPh sb="0" eb="2">
      <t>キュウスイ</t>
    </rPh>
    <rPh sb="3" eb="5">
      <t>チョスイ</t>
    </rPh>
    <rPh sb="6" eb="8">
      <t>セツビ</t>
    </rPh>
    <phoneticPr fontId="1"/>
  </si>
  <si>
    <t>燃料</t>
    <rPh sb="0" eb="2">
      <t>ネンリョウ</t>
    </rPh>
    <phoneticPr fontId="1"/>
  </si>
  <si>
    <t>時間分</t>
    <rPh sb="0" eb="2">
      <t>ジカン</t>
    </rPh>
    <rPh sb="2" eb="3">
      <t>ブン</t>
    </rPh>
    <phoneticPr fontId="1"/>
  </si>
  <si>
    <t>日分</t>
    <rPh sb="0" eb="1">
      <t>ヒ</t>
    </rPh>
    <rPh sb="1" eb="2">
      <t>ブン</t>
    </rPh>
    <phoneticPr fontId="1"/>
  </si>
  <si>
    <t>　・各区域に位置する場合、避難確保計画を作成しているか。</t>
    <rPh sb="2" eb="3">
      <t>カク</t>
    </rPh>
    <rPh sb="3" eb="5">
      <t>クイキ</t>
    </rPh>
    <rPh sb="6" eb="8">
      <t>イチ</t>
    </rPh>
    <rPh sb="10" eb="12">
      <t>バアイ</t>
    </rPh>
    <rPh sb="13" eb="15">
      <t>ヒナン</t>
    </rPh>
    <rPh sb="15" eb="17">
      <t>カクホ</t>
    </rPh>
    <rPh sb="17" eb="19">
      <t>ケイカク</t>
    </rPh>
    <rPh sb="20" eb="22">
      <t>サクセイ</t>
    </rPh>
    <phoneticPr fontId="1"/>
  </si>
  <si>
    <t>　・避難確保計画の作成について、長寿あんしん課に報告しているか。</t>
    <rPh sb="2" eb="4">
      <t>ヒナン</t>
    </rPh>
    <rPh sb="4" eb="6">
      <t>カクホ</t>
    </rPh>
    <rPh sb="6" eb="8">
      <t>ケイカク</t>
    </rPh>
    <rPh sb="9" eb="11">
      <t>サクセイ</t>
    </rPh>
    <phoneticPr fontId="1"/>
  </si>
  <si>
    <t>　・各区域に位置する場合、避難確保計画に基づく避難訓練を実施して</t>
    <rPh sb="2" eb="5">
      <t>カククイキ</t>
    </rPh>
    <rPh sb="6" eb="8">
      <t>イチ</t>
    </rPh>
    <rPh sb="10" eb="12">
      <t>バアイ</t>
    </rPh>
    <rPh sb="13" eb="15">
      <t>ヒナン</t>
    </rPh>
    <rPh sb="15" eb="17">
      <t>カクホ</t>
    </rPh>
    <rPh sb="17" eb="19">
      <t>ケイカク</t>
    </rPh>
    <rPh sb="20" eb="21">
      <t>モト</t>
    </rPh>
    <rPh sb="23" eb="25">
      <t>ヒナン</t>
    </rPh>
    <rPh sb="25" eb="27">
      <t>クンレン</t>
    </rPh>
    <rPh sb="28" eb="29">
      <t>ジツ</t>
    </rPh>
    <phoneticPr fontId="1"/>
  </si>
  <si>
    <t>　・避難訓練の結果を長寿あんしん課に報告しているか。</t>
    <rPh sb="2" eb="4">
      <t>ヒナン</t>
    </rPh>
    <rPh sb="4" eb="6">
      <t>クンレン</t>
    </rPh>
    <rPh sb="7" eb="9">
      <t>ケッカ</t>
    </rPh>
    <rPh sb="10" eb="12">
      <t>チョウジュ</t>
    </rPh>
    <rPh sb="16" eb="17">
      <t>カ</t>
    </rPh>
    <rPh sb="18" eb="20">
      <t>ホウコク</t>
    </rPh>
    <phoneticPr fontId="1"/>
  </si>
  <si>
    <t>　　いるか。</t>
    <phoneticPr fontId="1"/>
  </si>
  <si>
    <t>　れているか。</t>
    <phoneticPr fontId="1"/>
  </si>
  <si>
    <t>　・感染症及び食中毒の予防及びまん延の防止のための指針を整備して</t>
    <rPh sb="2" eb="5">
      <t>カンセンショウ</t>
    </rPh>
    <rPh sb="5" eb="6">
      <t>オヨ</t>
    </rPh>
    <rPh sb="7" eb="10">
      <t>ショクチュウドク</t>
    </rPh>
    <rPh sb="11" eb="13">
      <t>ヨボウ</t>
    </rPh>
    <rPh sb="13" eb="14">
      <t>オヨ</t>
    </rPh>
    <rPh sb="17" eb="18">
      <t>エン</t>
    </rPh>
    <rPh sb="19" eb="21">
      <t>ボウシ</t>
    </rPh>
    <rPh sb="25" eb="27">
      <t>シシン</t>
    </rPh>
    <rPh sb="28" eb="29">
      <t>ヒトシ</t>
    </rPh>
    <phoneticPr fontId="1"/>
  </si>
  <si>
    <t>　　実施しているか。（年２回以上）</t>
    <rPh sb="3" eb="4">
      <t>ホドコ</t>
    </rPh>
    <rPh sb="11" eb="12">
      <t>ネン</t>
    </rPh>
    <rPh sb="13" eb="14">
      <t>カイ</t>
    </rPh>
    <rPh sb="14" eb="16">
      <t>イジョウ</t>
    </rPh>
    <phoneticPr fontId="1"/>
  </si>
  <si>
    <t>　・感染症及び食中毒の予防及びまん延の防止のための研修を定期的に</t>
    <rPh sb="2" eb="5">
      <t>カンセンショウ</t>
    </rPh>
    <rPh sb="5" eb="6">
      <t>オヨ</t>
    </rPh>
    <rPh sb="7" eb="10">
      <t>ショクチュウドク</t>
    </rPh>
    <rPh sb="11" eb="13">
      <t>ヨボウ</t>
    </rPh>
    <rPh sb="13" eb="14">
      <t>オヨ</t>
    </rPh>
    <rPh sb="17" eb="18">
      <t>エン</t>
    </rPh>
    <rPh sb="19" eb="21">
      <t>ボウシ</t>
    </rPh>
    <rPh sb="25" eb="27">
      <t>ケンシュウ</t>
    </rPh>
    <rPh sb="28" eb="29">
      <t>サダム</t>
    </rPh>
    <phoneticPr fontId="1"/>
  </si>
  <si>
    <t>　・感染症の予防及びまん延の防止のための訓練を定期的に実施してい</t>
    <rPh sb="2" eb="5">
      <t>カンセンショウ</t>
    </rPh>
    <rPh sb="6" eb="8">
      <t>ヨボウ</t>
    </rPh>
    <rPh sb="8" eb="9">
      <t>オヨ</t>
    </rPh>
    <rPh sb="12" eb="13">
      <t>エン</t>
    </rPh>
    <rPh sb="14" eb="16">
      <t>ボウシ</t>
    </rPh>
    <rPh sb="20" eb="22">
      <t>クンレン</t>
    </rPh>
    <rPh sb="23" eb="26">
      <t>テイキテキ</t>
    </rPh>
    <rPh sb="27" eb="29">
      <t>ジッシ</t>
    </rPh>
    <phoneticPr fontId="1"/>
  </si>
  <si>
    <t>　　るか。（年２回以上）　※令和6年3月31日まで努力義務</t>
    <rPh sb="6" eb="7">
      <t>ネン</t>
    </rPh>
    <rPh sb="8" eb="11">
      <t>カイイジョウ</t>
    </rPh>
    <rPh sb="14" eb="16">
      <t>レイワ</t>
    </rPh>
    <rPh sb="17" eb="18">
      <t>ネン</t>
    </rPh>
    <rPh sb="19" eb="20">
      <t>ガツ</t>
    </rPh>
    <rPh sb="22" eb="23">
      <t>ニチ</t>
    </rPh>
    <rPh sb="25" eb="27">
      <t>ドリョク</t>
    </rPh>
    <rPh sb="27" eb="29">
      <t>ギム</t>
    </rPh>
    <phoneticPr fontId="1"/>
  </si>
  <si>
    <t>　・感染症に係る業務継続計画について、研修を定期的に実施している</t>
    <rPh sb="2" eb="5">
      <t>カンセンショウ</t>
    </rPh>
    <rPh sb="6" eb="7">
      <t>カカ</t>
    </rPh>
    <rPh sb="8" eb="10">
      <t>ギョウム</t>
    </rPh>
    <rPh sb="10" eb="14">
      <t>ケイゾクケイカク</t>
    </rPh>
    <rPh sb="19" eb="21">
      <t>ケンシュウ</t>
    </rPh>
    <rPh sb="22" eb="25">
      <t>テイキテキ</t>
    </rPh>
    <rPh sb="26" eb="28">
      <t>ジッシ</t>
    </rPh>
    <phoneticPr fontId="1"/>
  </si>
  <si>
    <t>　・感染症に係る業務継続計画について、訓練を定期的に開催している</t>
    <rPh sb="2" eb="5">
      <t>カンセンショウ</t>
    </rPh>
    <rPh sb="6" eb="7">
      <t>カカ</t>
    </rPh>
    <rPh sb="8" eb="10">
      <t>ギョウム</t>
    </rPh>
    <rPh sb="10" eb="14">
      <t>ケイゾクケイカク</t>
    </rPh>
    <rPh sb="19" eb="21">
      <t>クンレン</t>
    </rPh>
    <rPh sb="22" eb="25">
      <t>テイキテキ</t>
    </rPh>
    <rPh sb="26" eb="28">
      <t>カイサイ</t>
    </rPh>
    <phoneticPr fontId="1"/>
  </si>
  <si>
    <t>　・感染症発生時に必要な感染防護具、消毒液その他の物資を備蓄して</t>
    <rPh sb="2" eb="5">
      <t>カンセンショウ</t>
    </rPh>
    <rPh sb="5" eb="7">
      <t>ハッセイ</t>
    </rPh>
    <rPh sb="7" eb="8">
      <t>ジ</t>
    </rPh>
    <rPh sb="9" eb="11">
      <t>ヒツヨウ</t>
    </rPh>
    <rPh sb="12" eb="14">
      <t>カンセン</t>
    </rPh>
    <rPh sb="14" eb="16">
      <t>ボウゴ</t>
    </rPh>
    <rPh sb="16" eb="17">
      <t>グ</t>
    </rPh>
    <rPh sb="18" eb="20">
      <t>ショウドク</t>
    </rPh>
    <rPh sb="20" eb="21">
      <t>エキ</t>
    </rPh>
    <rPh sb="23" eb="24">
      <t>タ</t>
    </rPh>
    <rPh sb="25" eb="27">
      <t>ブッシ</t>
    </rPh>
    <rPh sb="28" eb="29">
      <t>ビ</t>
    </rPh>
    <phoneticPr fontId="1"/>
  </si>
  <si>
    <t>　　か。（年２回以上）　※令和6年3月31日まで努力義務</t>
    <rPh sb="5" eb="6">
      <t>ネン</t>
    </rPh>
    <rPh sb="7" eb="8">
      <t>カイ</t>
    </rPh>
    <rPh sb="8" eb="10">
      <t>イジョウ</t>
    </rPh>
    <phoneticPr fontId="1"/>
  </si>
  <si>
    <t>　　の様式を整備しているか。</t>
    <rPh sb="3" eb="5">
      <t>ヨウシキ</t>
    </rPh>
    <rPh sb="6" eb="8">
      <t>セイビ</t>
    </rPh>
    <phoneticPr fontId="1"/>
  </si>
  <si>
    <t>　・事故が発生又はその危険が生じた場合に、当該事実を報告するため</t>
    <rPh sb="2" eb="4">
      <t>ジコ</t>
    </rPh>
    <rPh sb="5" eb="7">
      <t>ハッセイ</t>
    </rPh>
    <rPh sb="7" eb="8">
      <t>マタ</t>
    </rPh>
    <rPh sb="11" eb="13">
      <t>キケン</t>
    </rPh>
    <rPh sb="14" eb="15">
      <t>ショウ</t>
    </rPh>
    <rPh sb="17" eb="19">
      <t>バアイ</t>
    </rPh>
    <rPh sb="21" eb="23">
      <t>トウガイ</t>
    </rPh>
    <rPh sb="23" eb="25">
      <t>ジジツ</t>
    </rPh>
    <rPh sb="26" eb="28">
      <t>ホウコク</t>
    </rPh>
    <phoneticPr fontId="1"/>
  </si>
  <si>
    <t>　・報告された介護事故等の事例を集計し、分析し、防止策を検討して</t>
    <rPh sb="2" eb="4">
      <t>ホウコク</t>
    </rPh>
    <rPh sb="7" eb="9">
      <t>カイゴ</t>
    </rPh>
    <rPh sb="9" eb="11">
      <t>ジコ</t>
    </rPh>
    <rPh sb="11" eb="12">
      <t>トウ</t>
    </rPh>
    <rPh sb="13" eb="15">
      <t>ジレイ</t>
    </rPh>
    <rPh sb="16" eb="18">
      <t>シュウケイ</t>
    </rPh>
    <rPh sb="20" eb="22">
      <t>ブンセキ</t>
    </rPh>
    <rPh sb="24" eb="26">
      <t>ボウシ</t>
    </rPh>
    <rPh sb="26" eb="27">
      <t>サク</t>
    </rPh>
    <phoneticPr fontId="1"/>
  </si>
  <si>
    <t>　・事故発生の防止のための職員に対する研修を定期的に開催している</t>
    <rPh sb="2" eb="4">
      <t>ジコ</t>
    </rPh>
    <rPh sb="4" eb="6">
      <t>ハッセイ</t>
    </rPh>
    <rPh sb="7" eb="9">
      <t>ボウシ</t>
    </rPh>
    <rPh sb="13" eb="15">
      <t>ショクイン</t>
    </rPh>
    <rPh sb="16" eb="17">
      <t>タイ</t>
    </rPh>
    <rPh sb="19" eb="21">
      <t>ケンシュウ</t>
    </rPh>
    <rPh sb="22" eb="25">
      <t>テイキテキ</t>
    </rPh>
    <rPh sb="26" eb="28">
      <t>カイサイ</t>
    </rPh>
    <phoneticPr fontId="1"/>
  </si>
  <si>
    <t>　　対策を講じているか。</t>
    <phoneticPr fontId="1"/>
  </si>
  <si>
    <t>　・損害賠償すべき事故が発生した場合に、速やかに賠償を行うための</t>
    <rPh sb="2" eb="6">
      <t>ソンガイバイショウ</t>
    </rPh>
    <rPh sb="9" eb="11">
      <t>ジコ</t>
    </rPh>
    <rPh sb="12" eb="14">
      <t>ハッセイ</t>
    </rPh>
    <rPh sb="16" eb="18">
      <t>バアイ</t>
    </rPh>
    <rPh sb="20" eb="21">
      <t>スミ</t>
    </rPh>
    <rPh sb="24" eb="26">
      <t>バイショウ</t>
    </rPh>
    <rPh sb="27" eb="28">
      <t>オコナ</t>
    </rPh>
    <phoneticPr fontId="1"/>
  </si>
  <si>
    <t>(1) 虐待の未然防止や早期発見に努めているか。また、虐待防止に向け</t>
    <rPh sb="4" eb="6">
      <t>ギャクタイ</t>
    </rPh>
    <rPh sb="7" eb="9">
      <t>ミゼン</t>
    </rPh>
    <rPh sb="9" eb="11">
      <t>ボウシ</t>
    </rPh>
    <rPh sb="12" eb="14">
      <t>ソウキ</t>
    </rPh>
    <rPh sb="14" eb="16">
      <t>ハッケン</t>
    </rPh>
    <rPh sb="17" eb="18">
      <t>ツト</t>
    </rPh>
    <rPh sb="27" eb="29">
      <t>ギャクタイ</t>
    </rPh>
    <rPh sb="29" eb="31">
      <t>ボウシ</t>
    </rPh>
    <phoneticPr fontId="1"/>
  </si>
  <si>
    <t>　　催し、職員に周知しているか。</t>
    <phoneticPr fontId="1"/>
  </si>
  <si>
    <t>　・虐待の発生・再発防止のための対策を検討する委員会を定期的に開</t>
    <rPh sb="2" eb="4">
      <t>ギャクタイ</t>
    </rPh>
    <rPh sb="5" eb="7">
      <t>ハッセイ</t>
    </rPh>
    <rPh sb="8" eb="10">
      <t>サイハツ</t>
    </rPh>
    <rPh sb="10" eb="12">
      <t>ボウシ</t>
    </rPh>
    <rPh sb="16" eb="18">
      <t>タイサク</t>
    </rPh>
    <rPh sb="19" eb="21">
      <t>ケントウ</t>
    </rPh>
    <rPh sb="23" eb="26">
      <t>イインカイ</t>
    </rPh>
    <rPh sb="27" eb="29">
      <t>テイキ</t>
    </rPh>
    <phoneticPr fontId="1"/>
  </si>
  <si>
    <t>　・職員に対して虐待の発生・再発防止の研修を定期的に実施している</t>
    <rPh sb="2" eb="4">
      <t>ショクイン</t>
    </rPh>
    <rPh sb="5" eb="6">
      <t>タイ</t>
    </rPh>
    <rPh sb="8" eb="10">
      <t>ギャクタイ</t>
    </rPh>
    <rPh sb="11" eb="13">
      <t>ハッセイ</t>
    </rPh>
    <rPh sb="14" eb="16">
      <t>サイハツ</t>
    </rPh>
    <rPh sb="16" eb="18">
      <t>ボウシ</t>
    </rPh>
    <rPh sb="19" eb="21">
      <t>ケンシュウ</t>
    </rPh>
    <rPh sb="22" eb="25">
      <t>テイキテキ</t>
    </rPh>
    <rPh sb="26" eb="28">
      <t>ジッシ</t>
    </rPh>
    <phoneticPr fontId="1"/>
  </si>
  <si>
    <t>　・生命又は身体を保護するため、緊急やむを得ない場合を除き、身体</t>
    <rPh sb="2" eb="4">
      <t>セイメイ</t>
    </rPh>
    <rPh sb="4" eb="5">
      <t>マタ</t>
    </rPh>
    <rPh sb="6" eb="8">
      <t>シンタイ</t>
    </rPh>
    <rPh sb="9" eb="11">
      <t>ホゴ</t>
    </rPh>
    <rPh sb="16" eb="18">
      <t>キンキュウ</t>
    </rPh>
    <rPh sb="21" eb="22">
      <t>エ</t>
    </rPh>
    <rPh sb="24" eb="26">
      <t>バアイ</t>
    </rPh>
    <rPh sb="27" eb="28">
      <t>ノゾ</t>
    </rPh>
    <phoneticPr fontId="1"/>
  </si>
  <si>
    <t>　・身体的拘束等を行う場合は、その態様及び時間、その際の入所者の</t>
    <rPh sb="2" eb="5">
      <t>シンタイテキ</t>
    </rPh>
    <rPh sb="5" eb="7">
      <t>コウソク</t>
    </rPh>
    <rPh sb="7" eb="8">
      <t>トウ</t>
    </rPh>
    <rPh sb="9" eb="10">
      <t>オコナ</t>
    </rPh>
    <rPh sb="11" eb="13">
      <t>バアイ</t>
    </rPh>
    <rPh sb="17" eb="19">
      <t>タイヨウ</t>
    </rPh>
    <rPh sb="19" eb="20">
      <t>オヨ</t>
    </rPh>
    <rPh sb="21" eb="23">
      <t>ジカン</t>
    </rPh>
    <rPh sb="26" eb="27">
      <t>サイ</t>
    </rPh>
    <rPh sb="28" eb="29">
      <t>ニュウ</t>
    </rPh>
    <phoneticPr fontId="1"/>
  </si>
  <si>
    <t>　・職員に対し、身体的拘束等の適正化のための研修を定期的に実施し</t>
    <rPh sb="2" eb="4">
      <t>ショクイン</t>
    </rPh>
    <rPh sb="5" eb="6">
      <t>タイ</t>
    </rPh>
    <rPh sb="8" eb="13">
      <t>シンタイテキコウソク</t>
    </rPh>
    <rPh sb="13" eb="14">
      <t>トウ</t>
    </rPh>
    <rPh sb="15" eb="18">
      <t>テキセイカ</t>
    </rPh>
    <rPh sb="22" eb="24">
      <t>ケンシュウ</t>
    </rPh>
    <rPh sb="25" eb="28">
      <t>テイキテキ</t>
    </rPh>
    <phoneticPr fontId="1"/>
  </si>
  <si>
    <t>【緊急やむを得ない場合】
　以下の三つの要件をすべて満たす状態であることを「身体拘束廃止委員会」等のチームで検討、確認し記録してお
　く。
　①切迫性　　利用者本人または他の利用者等の生命または身体が危険にさらされる可能性が著しく高いこと
　②非代替性　身体拘束その他の行動制限を行う以外に代替する介護方法がないこと
　③一時性　　身体拘束その他の行動制限が一時的なものであること</t>
    <rPh sb="1" eb="3">
      <t>キンキュウ</t>
    </rPh>
    <rPh sb="6" eb="7">
      <t>エ</t>
    </rPh>
    <rPh sb="9" eb="11">
      <t>バアイ</t>
    </rPh>
    <rPh sb="14" eb="16">
      <t>イカ</t>
    </rPh>
    <rPh sb="17" eb="18">
      <t>ミッ</t>
    </rPh>
    <rPh sb="20" eb="22">
      <t>ヨウケン</t>
    </rPh>
    <rPh sb="26" eb="27">
      <t>ミ</t>
    </rPh>
    <rPh sb="29" eb="31">
      <t>ジョウタイ</t>
    </rPh>
    <rPh sb="38" eb="40">
      <t>シンタイ</t>
    </rPh>
    <rPh sb="40" eb="42">
      <t>コウソク</t>
    </rPh>
    <rPh sb="42" eb="44">
      <t>ハイシ</t>
    </rPh>
    <rPh sb="44" eb="47">
      <t>イインカイ</t>
    </rPh>
    <rPh sb="48" eb="49">
      <t>トウ</t>
    </rPh>
    <rPh sb="54" eb="56">
      <t>ケントウ</t>
    </rPh>
    <rPh sb="57" eb="59">
      <t>カクニン</t>
    </rPh>
    <rPh sb="60" eb="62">
      <t>キロク</t>
    </rPh>
    <rPh sb="72" eb="75">
      <t>セッパクセイ</t>
    </rPh>
    <rPh sb="77" eb="79">
      <t>リヨウ</t>
    </rPh>
    <rPh sb="79" eb="80">
      <t>シャ</t>
    </rPh>
    <rPh sb="80" eb="82">
      <t>ホンニン</t>
    </rPh>
    <rPh sb="85" eb="86">
      <t>タ</t>
    </rPh>
    <rPh sb="87" eb="90">
      <t>リヨウシャ</t>
    </rPh>
    <rPh sb="90" eb="91">
      <t>トウ</t>
    </rPh>
    <rPh sb="92" eb="94">
      <t>セイメイ</t>
    </rPh>
    <rPh sb="97" eb="99">
      <t>シンタイ</t>
    </rPh>
    <rPh sb="100" eb="102">
      <t>キケン</t>
    </rPh>
    <rPh sb="108" eb="111">
      <t>カノウセイ</t>
    </rPh>
    <rPh sb="112" eb="113">
      <t>イチジル</t>
    </rPh>
    <rPh sb="115" eb="116">
      <t>タカ</t>
    </rPh>
    <rPh sb="122" eb="123">
      <t>ヒ</t>
    </rPh>
    <rPh sb="123" eb="126">
      <t>ダイタイセイ</t>
    </rPh>
    <rPh sb="127" eb="129">
      <t>シンタイ</t>
    </rPh>
    <rPh sb="129" eb="131">
      <t>コウソク</t>
    </rPh>
    <rPh sb="133" eb="134">
      <t>タ</t>
    </rPh>
    <rPh sb="135" eb="137">
      <t>コウドウ</t>
    </rPh>
    <rPh sb="137" eb="139">
      <t>セイゲン</t>
    </rPh>
    <rPh sb="140" eb="141">
      <t>オコナ</t>
    </rPh>
    <rPh sb="142" eb="144">
      <t>イガイ</t>
    </rPh>
    <rPh sb="145" eb="147">
      <t>ダイタイ</t>
    </rPh>
    <rPh sb="149" eb="151">
      <t>カイゴ</t>
    </rPh>
    <rPh sb="151" eb="153">
      <t>ホウホウ</t>
    </rPh>
    <rPh sb="161" eb="164">
      <t>イチジセイ</t>
    </rPh>
    <rPh sb="166" eb="168">
      <t>シンタイ</t>
    </rPh>
    <rPh sb="168" eb="170">
      <t>コウソク</t>
    </rPh>
    <rPh sb="172" eb="173">
      <t>タ</t>
    </rPh>
    <rPh sb="174" eb="176">
      <t>コウドウ</t>
    </rPh>
    <rPh sb="176" eb="178">
      <t>セイゲン</t>
    </rPh>
    <rPh sb="179" eb="182">
      <t>イチジテキ</t>
    </rPh>
    <phoneticPr fontId="1"/>
  </si>
  <si>
    <t>　　として行っているか。</t>
    <phoneticPr fontId="1"/>
  </si>
  <si>
    <t>　・「緊急やむを得ない場合」に該当するかの判断は、施設全体の判断</t>
    <rPh sb="3" eb="5">
      <t>キンキュウ</t>
    </rPh>
    <rPh sb="8" eb="9">
      <t>エ</t>
    </rPh>
    <rPh sb="11" eb="13">
      <t>バアイ</t>
    </rPh>
    <rPh sb="15" eb="17">
      <t>ガイトウ</t>
    </rPh>
    <rPh sb="21" eb="23">
      <t>ハンダン</t>
    </rPh>
    <rPh sb="25" eb="27">
      <t>シセツ</t>
    </rPh>
    <rPh sb="27" eb="29">
      <t>ゼンタイ</t>
    </rPh>
    <phoneticPr fontId="1"/>
  </si>
  <si>
    <t>□非常災害対策計画</t>
    <rPh sb="1" eb="9">
      <t>ヒジョウサイガイタイサクケイカク</t>
    </rPh>
    <phoneticPr fontId="1"/>
  </si>
  <si>
    <t>　・関係機関への通報・連携体制や地域社会との連携体制等の非常災害</t>
    <rPh sb="2" eb="4">
      <t>カンケイ</t>
    </rPh>
    <rPh sb="4" eb="6">
      <t>キカン</t>
    </rPh>
    <rPh sb="8" eb="10">
      <t>ツウホウ</t>
    </rPh>
    <rPh sb="11" eb="13">
      <t>レンケイ</t>
    </rPh>
    <rPh sb="13" eb="15">
      <t>タイセイ</t>
    </rPh>
    <rPh sb="16" eb="18">
      <t>チイキ</t>
    </rPh>
    <rPh sb="18" eb="20">
      <t>シャカイ</t>
    </rPh>
    <rPh sb="22" eb="24">
      <t>レンケイ</t>
    </rPh>
    <rPh sb="24" eb="26">
      <t>タイセイ</t>
    </rPh>
    <rPh sb="26" eb="27">
      <t>トウ</t>
    </rPh>
    <rPh sb="28" eb="30">
      <t>ヒジョウ</t>
    </rPh>
    <rPh sb="30" eb="32">
      <t>サイガイ</t>
    </rPh>
    <phoneticPr fontId="1"/>
  </si>
  <si>
    <t>　　対策に係る取組について、定期的に職員に周知しているか。</t>
    <phoneticPr fontId="1"/>
  </si>
  <si>
    <t>□職員への周知を確認で</t>
    <rPh sb="1" eb="3">
      <t>ショクイン</t>
    </rPh>
    <rPh sb="5" eb="7">
      <t>シュウチ</t>
    </rPh>
    <rPh sb="8" eb="10">
      <t>カクニン</t>
    </rPh>
    <phoneticPr fontId="1"/>
  </si>
  <si>
    <t>　きる文書</t>
    <rPh sb="3" eb="5">
      <t>ブンショ</t>
    </rPh>
    <phoneticPr fontId="1"/>
  </si>
  <si>
    <t>□避難確保計画</t>
    <rPh sb="1" eb="3">
      <t>ヒナン</t>
    </rPh>
    <rPh sb="3" eb="5">
      <t>カクホ</t>
    </rPh>
    <rPh sb="5" eb="7">
      <t>ケイカク</t>
    </rPh>
    <phoneticPr fontId="1"/>
  </si>
  <si>
    <t>□避難確保計画作成（変</t>
    <rPh sb="1" eb="3">
      <t>ヒナン</t>
    </rPh>
    <rPh sb="3" eb="5">
      <t>カクホ</t>
    </rPh>
    <rPh sb="5" eb="7">
      <t>ケイカク</t>
    </rPh>
    <rPh sb="7" eb="9">
      <t>サクセイ</t>
    </rPh>
    <rPh sb="10" eb="11">
      <t>ヘン</t>
    </rPh>
    <phoneticPr fontId="1"/>
  </si>
  <si>
    <t>　更等）報告書</t>
    <phoneticPr fontId="1"/>
  </si>
  <si>
    <t>□訓練の記録</t>
    <rPh sb="1" eb="3">
      <t>クンレン</t>
    </rPh>
    <rPh sb="4" eb="6">
      <t>キロク</t>
    </rPh>
    <phoneticPr fontId="1"/>
  </si>
  <si>
    <t>□訓練実施結果報告書</t>
    <rPh sb="1" eb="3">
      <t>クンレン</t>
    </rPh>
    <rPh sb="3" eb="5">
      <t>ジッシ</t>
    </rPh>
    <rPh sb="5" eb="7">
      <t>ケッカ</t>
    </rPh>
    <rPh sb="7" eb="10">
      <t>ホウコクショ</t>
    </rPh>
    <phoneticPr fontId="1"/>
  </si>
  <si>
    <t>□委員会名簿、記録</t>
    <rPh sb="1" eb="4">
      <t>イインカイ</t>
    </rPh>
    <rPh sb="4" eb="6">
      <t>メイボ</t>
    </rPh>
    <rPh sb="7" eb="9">
      <t>キロク</t>
    </rPh>
    <phoneticPr fontId="1"/>
  </si>
  <si>
    <t>□損害賠償の記録</t>
    <rPh sb="1" eb="3">
      <t>ソンガイ</t>
    </rPh>
    <rPh sb="3" eb="5">
      <t>バイショウ</t>
    </rPh>
    <rPh sb="6" eb="8">
      <t>キロク</t>
    </rPh>
    <phoneticPr fontId="1"/>
  </si>
  <si>
    <t>□保険契約書</t>
    <rPh sb="1" eb="3">
      <t>ホケン</t>
    </rPh>
    <rPh sb="3" eb="5">
      <t>ケイヤク</t>
    </rPh>
    <rPh sb="5" eb="6">
      <t>ショ</t>
    </rPh>
    <phoneticPr fontId="1"/>
  </si>
  <si>
    <t>□保険金の授受記録</t>
    <rPh sb="1" eb="4">
      <t>ホケンキン</t>
    </rPh>
    <rPh sb="5" eb="7">
      <t>ジュジュ</t>
    </rPh>
    <rPh sb="7" eb="9">
      <t>キロク</t>
    </rPh>
    <phoneticPr fontId="1"/>
  </si>
  <si>
    <t>　催し、職員に周知しているか。</t>
    <phoneticPr fontId="1"/>
  </si>
  <si>
    <t>【目次】</t>
    <rPh sb="1" eb="3">
      <t>モクジ</t>
    </rPh>
    <phoneticPr fontId="1"/>
  </si>
  <si>
    <t>Ⅰ　基本方針</t>
    <rPh sb="2" eb="4">
      <t>キホン</t>
    </rPh>
    <rPh sb="4" eb="6">
      <t>ホウシン</t>
    </rPh>
    <phoneticPr fontId="1"/>
  </si>
  <si>
    <t>Ⅱ　人員に関する事項</t>
    <rPh sb="2" eb="4">
      <t>ジンイン</t>
    </rPh>
    <rPh sb="5" eb="6">
      <t>カン</t>
    </rPh>
    <rPh sb="8" eb="10">
      <t>ジコウ</t>
    </rPh>
    <phoneticPr fontId="1"/>
  </si>
  <si>
    <t>Ⅲ　設備に関する事項</t>
    <rPh sb="2" eb="4">
      <t>セツビ</t>
    </rPh>
    <rPh sb="5" eb="6">
      <t>カン</t>
    </rPh>
    <rPh sb="8" eb="10">
      <t>ジコウ</t>
    </rPh>
    <phoneticPr fontId="1"/>
  </si>
  <si>
    <t>Ⅳ　運営に関する事項</t>
    <rPh sb="2" eb="4">
      <t>ウンエイ</t>
    </rPh>
    <rPh sb="5" eb="6">
      <t>カン</t>
    </rPh>
    <rPh sb="8" eb="10">
      <t>ジコウ</t>
    </rPh>
    <phoneticPr fontId="1"/>
  </si>
  <si>
    <t>Ⅴ　重点事項</t>
    <rPh sb="2" eb="4">
      <t>ジュウテン</t>
    </rPh>
    <rPh sb="4" eb="6">
      <t>ジコウ</t>
    </rPh>
    <phoneticPr fontId="1"/>
  </si>
  <si>
    <t>Ⅴ　重点事項</t>
    <rPh sb="2" eb="4">
      <t>ジュウテン</t>
    </rPh>
    <rPh sb="4" eb="6">
      <t>ジコウ</t>
    </rPh>
    <phoneticPr fontId="1"/>
  </si>
  <si>
    <t>５　根拠法令等については、必要に応じ加筆修正の上、部分的に抜粋しています。</t>
    <rPh sb="2" eb="4">
      <t>コンキョ</t>
    </rPh>
    <rPh sb="4" eb="6">
      <t>ホウレイ</t>
    </rPh>
    <rPh sb="6" eb="7">
      <t>トウ</t>
    </rPh>
    <rPh sb="13" eb="15">
      <t>ヒツヨウ</t>
    </rPh>
    <rPh sb="16" eb="17">
      <t>オウ</t>
    </rPh>
    <rPh sb="18" eb="20">
      <t>カヒツ</t>
    </rPh>
    <rPh sb="20" eb="22">
      <t>シュウセイ</t>
    </rPh>
    <rPh sb="23" eb="24">
      <t>ウエ</t>
    </rPh>
    <rPh sb="25" eb="27">
      <t>ブブン</t>
    </rPh>
    <rPh sb="27" eb="28">
      <t>テキ</t>
    </rPh>
    <rPh sb="29" eb="31">
      <t>バッスイ</t>
    </rPh>
    <phoneticPr fontId="1"/>
  </si>
  <si>
    <t>　１　基本方針　…………………………………………………………………　３</t>
    <rPh sb="3" eb="5">
      <t>キホン</t>
    </rPh>
    <rPh sb="5" eb="7">
      <t>ホウシン</t>
    </rPh>
    <phoneticPr fontId="1"/>
  </si>
  <si>
    <t>　１　職員の配置　………………………………………………………………　５</t>
    <rPh sb="3" eb="5">
      <t>ショクイン</t>
    </rPh>
    <rPh sb="6" eb="8">
      <t>ハイチ</t>
    </rPh>
    <phoneticPr fontId="1"/>
  </si>
  <si>
    <t>　１－１　施設長　………………………………………………………………　７</t>
    <rPh sb="5" eb="7">
      <t>シセツ</t>
    </rPh>
    <rPh sb="7" eb="8">
      <t>チョウ</t>
    </rPh>
    <phoneticPr fontId="1"/>
  </si>
  <si>
    <t>　１－３　生活相談員　…………………………………………………………　９</t>
    <rPh sb="5" eb="7">
      <t>セイカツ</t>
    </rPh>
    <rPh sb="7" eb="10">
      <t>ソウダンイン</t>
    </rPh>
    <phoneticPr fontId="1"/>
  </si>
  <si>
    <t>　１　設備　………………………………………………………………………１３</t>
    <rPh sb="3" eb="5">
      <t>セツビ</t>
    </rPh>
    <phoneticPr fontId="1"/>
  </si>
  <si>
    <t>その他備品等</t>
    <rPh sb="2" eb="3">
      <t>タ</t>
    </rPh>
    <rPh sb="3" eb="5">
      <t>ビヒン</t>
    </rPh>
    <rPh sb="5" eb="6">
      <t>トウ</t>
    </rPh>
    <phoneticPr fontId="1"/>
  </si>
  <si>
    <t>　（Ⅱ（pp.5-12）において確認）</t>
    <rPh sb="16" eb="18">
      <t>カクニン</t>
    </rPh>
    <phoneticPr fontId="1"/>
  </si>
  <si>
    <t>施設所在地</t>
    <rPh sb="0" eb="2">
      <t>シセツ</t>
    </rPh>
    <rPh sb="2" eb="5">
      <t>ショザイチ</t>
    </rPh>
    <phoneticPr fontId="1"/>
  </si>
  <si>
    <t>法人所在地</t>
    <rPh sb="0" eb="2">
      <t>ホウジン</t>
    </rPh>
    <rPh sb="2" eb="5">
      <t>ショザイチ</t>
    </rPh>
    <phoneticPr fontId="1"/>
  </si>
  <si>
    <t>〒</t>
    <phoneticPr fontId="1"/>
  </si>
  <si>
    <t>　を個別に作成しているか。</t>
    <phoneticPr fontId="1"/>
  </si>
  <si>
    <t>(1) 災害の種類や立地条件に応じた具体的な計画（非常災害対策計画）</t>
    <rPh sb="4" eb="6">
      <t>サイガイ</t>
    </rPh>
    <rPh sb="7" eb="9">
      <t>シュルイ</t>
    </rPh>
    <rPh sb="10" eb="12">
      <t>リッチ</t>
    </rPh>
    <rPh sb="12" eb="14">
      <t>ジョウケン</t>
    </rPh>
    <rPh sb="15" eb="16">
      <t>オウ</t>
    </rPh>
    <rPh sb="18" eb="21">
      <t>グタイテキ</t>
    </rPh>
    <rPh sb="22" eb="24">
      <t>ケイカク</t>
    </rPh>
    <rPh sb="25" eb="27">
      <t>ヒジョウ</t>
    </rPh>
    <rPh sb="27" eb="29">
      <t>サイガイ</t>
    </rPh>
    <rPh sb="29" eb="31">
      <t>タイサク</t>
    </rPh>
    <rPh sb="31" eb="33">
      <t>ケイカク</t>
    </rPh>
    <phoneticPr fontId="1"/>
  </si>
  <si>
    <t>　（適・不適）を点検結果欄に入力してください。該当しない場合は入力不要です。</t>
    <rPh sb="23" eb="25">
      <t>ガイトウ</t>
    </rPh>
    <rPh sb="28" eb="30">
      <t>バアイ</t>
    </rPh>
    <rPh sb="31" eb="33">
      <t>ニュウリョク</t>
    </rPh>
    <rPh sb="33" eb="35">
      <t>フヨウ</t>
    </rPh>
    <phoneticPr fontId="1"/>
  </si>
  <si>
    <t>　※エクセルの場合、ドロップダウンリストで選択できます。</t>
    <phoneticPr fontId="1"/>
  </si>
  <si>
    <t>理事長氏名</t>
    <rPh sb="0" eb="3">
      <t>リジチョウ</t>
    </rPh>
    <rPh sb="3" eb="5">
      <t>シメイ</t>
    </rPh>
    <phoneticPr fontId="1"/>
  </si>
  <si>
    <t>施設長氏名</t>
    <rPh sb="0" eb="2">
      <t>シセツ</t>
    </rPh>
    <rPh sb="2" eb="3">
      <t>チョウ</t>
    </rPh>
    <rPh sb="3" eb="5">
      <t>シメイ</t>
    </rPh>
    <phoneticPr fontId="1"/>
  </si>
  <si>
    <t>３　監査当日は、各確認項目について、確認文書欄記載の文書で確認しますので、ご用意をお願</t>
    <rPh sb="2" eb="4">
      <t>カンサ</t>
    </rPh>
    <rPh sb="4" eb="6">
      <t>トウジツ</t>
    </rPh>
    <rPh sb="8" eb="9">
      <t>カク</t>
    </rPh>
    <rPh sb="9" eb="11">
      <t>カクニン</t>
    </rPh>
    <rPh sb="11" eb="13">
      <t>コウモク</t>
    </rPh>
    <rPh sb="18" eb="20">
      <t>カクニン</t>
    </rPh>
    <rPh sb="20" eb="22">
      <t>ブンショ</t>
    </rPh>
    <rPh sb="22" eb="23">
      <t>ラン</t>
    </rPh>
    <rPh sb="23" eb="25">
      <t>キサイ</t>
    </rPh>
    <rPh sb="26" eb="28">
      <t>ブンショ</t>
    </rPh>
    <rPh sb="29" eb="31">
      <t>カクニン</t>
    </rPh>
    <rPh sb="38" eb="40">
      <t>ヨウイ</t>
    </rPh>
    <rPh sb="42" eb="43">
      <t>ネガイ</t>
    </rPh>
    <phoneticPr fontId="1"/>
  </si>
  <si>
    <t>　いします。※必要に応じ、確認項目・確認文書にないものについて確認する場合があります。</t>
    <phoneticPr fontId="1"/>
  </si>
  <si>
    <t>　ています。不適の項目がある場合は、その理由及び今後の改善方法等を説明できるようにご準</t>
    <rPh sb="6" eb="8">
      <t>フテキ</t>
    </rPh>
    <rPh sb="9" eb="11">
      <t>コウモク</t>
    </rPh>
    <rPh sb="14" eb="16">
      <t>バアイ</t>
    </rPh>
    <rPh sb="20" eb="22">
      <t>リユウ</t>
    </rPh>
    <rPh sb="22" eb="23">
      <t>オヨ</t>
    </rPh>
    <rPh sb="24" eb="26">
      <t>コンゴ</t>
    </rPh>
    <rPh sb="27" eb="29">
      <t>カイゼン</t>
    </rPh>
    <rPh sb="29" eb="31">
      <t>ホウホウ</t>
    </rPh>
    <rPh sb="31" eb="32">
      <t>トウ</t>
    </rPh>
    <rPh sb="33" eb="35">
      <t>セツメイ</t>
    </rPh>
    <phoneticPr fontId="1"/>
  </si>
  <si>
    <t>　備をお願いします。</t>
    <rPh sb="4" eb="5">
      <t>ネガ</t>
    </rPh>
    <phoneticPr fontId="1"/>
  </si>
  <si>
    <t>(2) 他の職務を兼務している場合、兼務体制は適切であるか。</t>
    <phoneticPr fontId="1"/>
  </si>
  <si>
    <t>(1) 目的に沿った仕様であるか。</t>
    <rPh sb="4" eb="6">
      <t>モクテキ</t>
    </rPh>
    <rPh sb="7" eb="8">
      <t>ソ</t>
    </rPh>
    <rPh sb="10" eb="12">
      <t>シヨウ</t>
    </rPh>
    <phoneticPr fontId="1"/>
  </si>
  <si>
    <t>(4) 消火・避難訓練を実施しているか。（年２回以上）</t>
    <rPh sb="4" eb="6">
      <t>ショウカ</t>
    </rPh>
    <rPh sb="7" eb="9">
      <t>ヒナン</t>
    </rPh>
    <rPh sb="9" eb="11">
      <t>クンレン</t>
    </rPh>
    <rPh sb="12" eb="14">
      <t>ジッシ</t>
    </rPh>
    <rPh sb="21" eb="22">
      <t>ネン</t>
    </rPh>
    <rPh sb="23" eb="26">
      <t>カイイジョウ</t>
    </rPh>
    <phoneticPr fontId="1"/>
  </si>
  <si>
    <t>　（研修、訓練ともに年２回以上）</t>
    <rPh sb="2" eb="4">
      <t>ケンシュウ</t>
    </rPh>
    <rPh sb="5" eb="7">
      <t>クンレン</t>
    </rPh>
    <rPh sb="10" eb="11">
      <t>ネン</t>
    </rPh>
    <rPh sb="12" eb="13">
      <t>カイ</t>
    </rPh>
    <rPh sb="13" eb="15">
      <t>イジョウ</t>
    </rPh>
    <phoneticPr fontId="1"/>
  </si>
  <si>
    <t>　っているか。（研修は年２回以上）</t>
    <rPh sb="8" eb="10">
      <t>ケンシュウ</t>
    </rPh>
    <rPh sb="11" eb="12">
      <t>ネン</t>
    </rPh>
    <rPh sb="13" eb="16">
      <t>カイイジョウ</t>
    </rPh>
    <phoneticPr fontId="1"/>
  </si>
  <si>
    <t>　・身体的拘束等の適正化のための指針を整備しているか。</t>
    <rPh sb="2" eb="5">
      <t>シンタイテキ</t>
    </rPh>
    <rPh sb="5" eb="7">
      <t>コウソク</t>
    </rPh>
    <rPh sb="7" eb="8">
      <t>トウ</t>
    </rPh>
    <rPh sb="9" eb="12">
      <t>テキセイカ</t>
    </rPh>
    <rPh sb="16" eb="18">
      <t>シシン</t>
    </rPh>
    <rPh sb="19" eb="21">
      <t>セイビ</t>
    </rPh>
    <phoneticPr fontId="1"/>
  </si>
  <si>
    <t>　・職員に対し、身体的拘束等の適正化のための研修を定期的に実施し</t>
    <rPh sb="2" eb="4">
      <t>ショクイン</t>
    </rPh>
    <rPh sb="5" eb="6">
      <t>タイ</t>
    </rPh>
    <rPh sb="8" eb="11">
      <t>シンタイテキ</t>
    </rPh>
    <rPh sb="11" eb="13">
      <t>コウソク</t>
    </rPh>
    <rPh sb="13" eb="14">
      <t>トウ</t>
    </rPh>
    <rPh sb="15" eb="18">
      <t>テキセイカ</t>
    </rPh>
    <rPh sb="22" eb="24">
      <t>ケンシュウ</t>
    </rPh>
    <rPh sb="25" eb="28">
      <t>テイキテキ</t>
    </rPh>
    <rPh sb="29" eb="31">
      <t>ジッシ</t>
    </rPh>
    <phoneticPr fontId="1"/>
  </si>
  <si>
    <t>　　ているか。（年２回以上）</t>
    <rPh sb="8" eb="9">
      <t>ネン</t>
    </rPh>
    <rPh sb="10" eb="13">
      <t>カイイジョウ</t>
    </rPh>
    <phoneticPr fontId="1"/>
  </si>
  <si>
    <t>　きる文書</t>
    <rPh sb="3" eb="5">
      <t>ブンショ</t>
    </rPh>
    <phoneticPr fontId="1"/>
  </si>
  <si>
    <t>□研修の記録</t>
    <rPh sb="1" eb="3">
      <t>ケンシュウ</t>
    </rPh>
    <rPh sb="4" eb="6">
      <t>キロク</t>
    </rPh>
    <phoneticPr fontId="1"/>
  </si>
  <si>
    <t>□防災訓練の実施状況</t>
    <rPh sb="1" eb="5">
      <t>ボウサイクンレン</t>
    </rPh>
    <rPh sb="6" eb="10">
      <t>ジッシジョウキョウ</t>
    </rPh>
    <phoneticPr fontId="1"/>
  </si>
  <si>
    <t>第15条の3 第十五条第一項の規定により市町村地域防災計画にその名称及び所在地を定められた要配慮者利用施設の所
　有者又は管理者は、国土交通省令で定めるところにより、当該要配慮者利用施設の利用者の洪水時等の円滑かつ迅速
　な避難の確保を図るために必要な訓練その他の措置に関する計画を作成しなければならない。
2 前項の要配慮者利用施設の所有者又は管理者は、同項の規定による計画を作成したときは、遅滞なく、これを市町村
　長に報告しなければならない。これを変更したときも、同様とする。
5 第一項の要配慮者利用施設の所有者又は管理者は、同項に規定する計画で定めるところにより、同項の要配慮者利用
　施設の利用者の洪水時等の円滑かつ迅速な避難の確保のための訓練を行うとともに、その結果を市町村長に報告しな
　ければならない。</t>
    <phoneticPr fontId="1"/>
  </si>
  <si>
    <t>◎水防法（昭和24年法律第193号）
第15条　市町村防災会議は、第十四条第一項若しくは第二項の規定による洪水浸水想定区域の指定、第十四条の二第一
　項若しくは第二項の規定による雨水出水浸水想定区域の指定又は前条第一項の規定による高潮浸水想定区域の指定が
　あつたときは、市町村地域防災計画において、少なくとも当該洪水浸水想定区域、雨水出水浸水想定区域又は高潮浸
　水想定区域ごとに、次に掲げる事項について定めるものとする。
　四　浸水想定区域（洪水浸水想定区域、雨水出水浸水想定区域又は高潮浸水想定区域をいう。）内に次に掲げる施設
　　がある場合にあつては、これらの施設の名称及び所在地
　　ロ　要配慮者利用施設（社会福祉施設、学校、医療施設その他の主として防災上の配慮を要する者が利用する施設
　　　をいう。）でその利用者の洪水時等の円滑かつ迅速な避難の確保を図る必要があると認められるもの</t>
    <phoneticPr fontId="1"/>
  </si>
  <si>
    <t>◎土砂災害警戒区域等における土砂災害防止対策の推進に関する法律（平成12年法律第57号）
第7条 都道府県知事は、基本指針に基づき、急傾斜地の崩壊等が発生した場合には住民等の生命又は身体に危害が生ず
　るおそれがあると認められる土地の区域で、当該区域における土砂災害を防止するために警戒避難体制を特に整備す
　べき土地の区域として政令で定める基準に該当するものを、土砂災害警戒区域（以下「警戒区域」という。）として
　指定することができる。
第8条 市町村防災会議は、前条第一項の規定による警戒区域の指定があったときは、市町村地域防災計画において、当
　該警戒区域ごとに、次に掲げる事項について定めるものとする。
　四　警戒区域内に、要配慮者利用施設（社会福祉施設、学校、医療施設その他の主として防災上の配慮を要する者が
　　利用する施設をいう。）であって、急傾斜地の崩壊等が発生するおそれがある場合における当該要配慮者利用施設
　　を利用している者の円滑かつ迅速な避難を確保する必要があると認められるものがある場合にあっては、当該要配
　　慮者利用施設の名称及び所在地</t>
    <phoneticPr fontId="1"/>
  </si>
  <si>
    <t>第8条の2　前条第一項の規定により市町村地域防災計画にその名称及び所在地を定められた要配慮者利用施設の所有者
　又は管理者は、国土交通省令で定めるところにより、急傾斜地の崩壊等が発生するおそれがある場合における当該要
　配慮者利用施設を利用している者の円滑かつ迅速な避難の確保を図るために必要な訓練その他の措置に関する計画を
　作成しなければならない。
2 前項の要配慮者利用施設の所有者又は管理者は、同項の規定による計画を作成したときは、遅滞なく、これを市町村
　長に報告しなければならない。これを変更したときも、同様とする。
5 第一項の要配慮者利用施設の所有者又は管理者は、同項に規定する計画で定めるところにより、急傾斜地の崩壊等が
　発生するおそれがある場合における同項の要配慮者利用施設を利用している者の円滑かつ迅速な避難の確保のための
　訓練を行うとともに、その結果を市町村長に報告しなければならない。</t>
    <phoneticPr fontId="1"/>
  </si>
  <si>
    <t>　・施設は以下の区域に位置していないか。</t>
    <rPh sb="2" eb="4">
      <t>シセツ</t>
    </rPh>
    <rPh sb="5" eb="7">
      <t>イカ</t>
    </rPh>
    <rPh sb="8" eb="10">
      <t>クイキ</t>
    </rPh>
    <rPh sb="11" eb="13">
      <t>イチ</t>
    </rPh>
    <phoneticPr fontId="1"/>
  </si>
  <si>
    <t>　　※区域内に位置する場合は「不適」欄にチェックしてください。</t>
    <rPh sb="3" eb="6">
      <t>クイキナイ</t>
    </rPh>
    <rPh sb="7" eb="9">
      <t>イチ</t>
    </rPh>
    <rPh sb="11" eb="13">
      <t>バアイ</t>
    </rPh>
    <rPh sb="15" eb="16">
      <t>フ</t>
    </rPh>
    <rPh sb="16" eb="17">
      <t>テキ</t>
    </rPh>
    <rPh sb="18" eb="19">
      <t>ラン</t>
    </rPh>
    <phoneticPr fontId="1"/>
  </si>
  <si>
    <t>　た取組をしているか。　※令和6年3月31日まで努力義務</t>
    <phoneticPr fontId="1"/>
  </si>
  <si>
    <t>　　心身の状況並びに緊急やむを得ない理由を記録しているか。</t>
    <rPh sb="2" eb="4">
      <t>シンシン</t>
    </rPh>
    <rPh sb="5" eb="7">
      <t>ジョウキョウ</t>
    </rPh>
    <rPh sb="7" eb="8">
      <t>ナラ</t>
    </rPh>
    <rPh sb="10" eb="12">
      <t>キンキュウ</t>
    </rPh>
    <rPh sb="15" eb="16">
      <t>エ</t>
    </rPh>
    <rPh sb="18" eb="20">
      <t>リユウ</t>
    </rPh>
    <rPh sb="21" eb="23">
      <t>キロク</t>
    </rPh>
    <phoneticPr fontId="1"/>
  </si>
  <si>
    <t>１　勤務体制一覧表（様式あり）</t>
    <rPh sb="2" eb="4">
      <t>キンム</t>
    </rPh>
    <rPh sb="4" eb="6">
      <t>タイセイ</t>
    </rPh>
    <rPh sb="6" eb="9">
      <t>イチランヒョウ</t>
    </rPh>
    <rPh sb="10" eb="12">
      <t>ヨウシキ</t>
    </rPh>
    <phoneticPr fontId="1"/>
  </si>
  <si>
    <t>　（年２回以上）</t>
    <rPh sb="2" eb="3">
      <t>ネン</t>
    </rPh>
    <rPh sb="4" eb="5">
      <t>カイ</t>
    </rPh>
    <rPh sb="5" eb="7">
      <t>イジョウ</t>
    </rPh>
    <phoneticPr fontId="1"/>
  </si>
  <si>
    <t>５　入所者一覧表（様式あり。既存資料での代替可。）</t>
    <rPh sb="2" eb="5">
      <t>ニュウショシャ</t>
    </rPh>
    <rPh sb="5" eb="7">
      <t>イチラン</t>
    </rPh>
    <rPh sb="7" eb="8">
      <t>ヒョウ</t>
    </rPh>
    <rPh sb="9" eb="11">
      <t>ヨウシキ</t>
    </rPh>
    <rPh sb="14" eb="16">
      <t>キゾン</t>
    </rPh>
    <rPh sb="16" eb="18">
      <t>シリョウ</t>
    </rPh>
    <rPh sb="20" eb="22">
      <t>ダイタイ</t>
    </rPh>
    <rPh sb="22" eb="23">
      <t>カ</t>
    </rPh>
    <phoneticPr fontId="1"/>
  </si>
  <si>
    <t>６　前年度の施設入所者等の状況（様式あり。既存資料での代替可。）</t>
    <rPh sb="2" eb="5">
      <t>ゼンネンド</t>
    </rPh>
    <rPh sb="6" eb="8">
      <t>シセツ</t>
    </rPh>
    <rPh sb="8" eb="11">
      <t>ニュウショシャ</t>
    </rPh>
    <rPh sb="11" eb="12">
      <t>トウ</t>
    </rPh>
    <rPh sb="13" eb="15">
      <t>ジョウキョウ</t>
    </rPh>
    <rPh sb="16" eb="18">
      <t>ヨウシキ</t>
    </rPh>
    <rPh sb="21" eb="23">
      <t>キゾン</t>
    </rPh>
    <rPh sb="23" eb="25">
      <t>シリョウ</t>
    </rPh>
    <rPh sb="27" eb="29">
      <t>ダイタイ</t>
    </rPh>
    <rPh sb="29" eb="30">
      <t>カ</t>
    </rPh>
    <phoneticPr fontId="1"/>
  </si>
  <si>
    <t>７　防災訓練の実施状況（様式あり。既存資料での代替可。）</t>
    <rPh sb="2" eb="4">
      <t>ボウサイ</t>
    </rPh>
    <rPh sb="4" eb="6">
      <t>クンレン</t>
    </rPh>
    <rPh sb="7" eb="9">
      <t>ジッシ</t>
    </rPh>
    <rPh sb="9" eb="11">
      <t>ジョウキョウ</t>
    </rPh>
    <rPh sb="12" eb="14">
      <t>ヨウシキ</t>
    </rPh>
    <rPh sb="17" eb="21">
      <t>キゾンシリョウ</t>
    </rPh>
    <rPh sb="23" eb="26">
      <t>ダイタイカ</t>
    </rPh>
    <phoneticPr fontId="1"/>
  </si>
  <si>
    <t>【提出先】</t>
    <rPh sb="1" eb="3">
      <t>テイシュツ</t>
    </rPh>
    <rPh sb="3" eb="4">
      <t>サキ</t>
    </rPh>
    <phoneticPr fontId="1"/>
  </si>
  <si>
    <t>鹿児島市　指導監査課　法人・施設指導係</t>
    <rPh sb="0" eb="4">
      <t>カゴシマシ</t>
    </rPh>
    <rPh sb="5" eb="7">
      <t>シドウ</t>
    </rPh>
    <rPh sb="7" eb="9">
      <t>カンサ</t>
    </rPh>
    <rPh sb="9" eb="10">
      <t>カ</t>
    </rPh>
    <rPh sb="11" eb="13">
      <t>ホウジン</t>
    </rPh>
    <rPh sb="14" eb="16">
      <t>シセツ</t>
    </rPh>
    <rPh sb="16" eb="18">
      <t>シドウ</t>
    </rPh>
    <rPh sb="18" eb="19">
      <t>カカリ</t>
    </rPh>
    <phoneticPr fontId="1"/>
  </si>
  <si>
    <t>shidou-houjin@city.kagoshima.lg.jp</t>
    <phoneticPr fontId="1"/>
  </si>
  <si>
    <t>〒892-8677　鹿児島市山下町１１番１号</t>
    <rPh sb="10" eb="14">
      <t>カゴシマシ</t>
    </rPh>
    <rPh sb="14" eb="17">
      <t>ヤマシタチョウ</t>
    </rPh>
    <rPh sb="19" eb="20">
      <t>バン</t>
    </rPh>
    <rPh sb="21" eb="22">
      <t>ゴウ</t>
    </rPh>
    <phoneticPr fontId="1"/>
  </si>
  <si>
    <t>☐</t>
    <phoneticPr fontId="1"/>
  </si>
  <si>
    <t>○高齢者福祉施設等における非常災害対策の計画作成の手引き（鹿児島市）Ⅳ-1-(7)-①
　ア　食料や飲料水は、職員分も含め、少なくとも3日分は備蓄しておきましょう。
　イ　飲料水は、1人1日3リットルが目安です。
　ウ　食料については、施設等の利用者の特性に配慮した食料品を選びましょう。また、調理施設が使用できない場合
　　もあるので、レトルト食品や缶詰、フリーズドライ食品など、加熱しなくても食べられるものも用意しておきまし
　　ょう。
　エ　携帯用コンロと燃料を備蓄しておくと、いざという時に便利です。
　オ　一般的な救急医薬品、ウエットティッシュや紙おむつ等の衛生用品などを備蓄しておくことも必要です。
　カ　備蓄した食料や医薬品等が有効期限切れにならないよう、定期的に在庫チェックをしましょう。</t>
    <phoneticPr fontId="1"/>
  </si>
  <si>
    <r>
      <t>◎基準条例第2条
1 養護老人ホームは、入所者の処遇に関する計画（以下「処遇計画」という。）に基づき、社会復帰の促進及び自立の
　ために必要な指導及び訓練その他の援助を行うことにより、入所者がその有する能力に応じ自立した日常生活を営む
　ことができるようにすることを目指すものでなければならない。
2 養護老人ホームは、入所者の意思及び人格を尊重し、常にその者の立場に立って処遇を行うように努めなければなら
　ない。
3 養護老人ホームは、明るく家庭的な雰囲気を有し、地域や家庭との結び付きを重視した運営を行い、社会福祉事業に
　関する熱意及び能力を有する職員による適切な処遇に努めるとともに、市、老人の福祉を増進することを目的とする
　事業を行う者その他の保健医療サービス又は福祉サービスを提供する者との密接な連携に努めなければならない。
4 養護老人ホームは、入所者の人権の擁護、虐待の防止等のため、必要な体制の整備を行うとともに、その職員に対
　し、研修を実施する等の措置を講じなければならない。　</t>
    </r>
    <r>
      <rPr>
        <u/>
        <sz val="8"/>
        <rFont val="HGｺﾞｼｯｸM"/>
        <family val="3"/>
        <charset val="128"/>
      </rPr>
      <t>※令和6年3月31日まで努力義務</t>
    </r>
    <phoneticPr fontId="1"/>
  </si>
  <si>
    <t>　　イ　支援員のうち1人を主任支援員とすること。
　(5) 看護師又は准看護師（以下「看護職員」という。）　常勤換算方法で、入所者が100人又はその端数を増すごと
　　に1人以上
　(6) 栄養士　1人以上
　(7) 調理員、事務員その他の職員　当該養護老人ホームの実情に応じた適当数</t>
    <phoneticPr fontId="1"/>
  </si>
  <si>
    <t>　　ア　常勤換算方法で、一般入所者（入所者であって、指定特定施設入居者生活介護（鹿児島市指定居宅サービス等
　　　の事業の人員、設備及び運営の基準に関する条例（平成24年条例第43号）第216条第1項に規定する指定特定施設
　　　入居者生活介護をいう。以下同じ。）、指定地域密着型特定施設入居者生活介護（鹿児島市指定地域密着型サー
　　　ビスの事業の人員、設備及び運営の基準に関する条例（平成24年条例第45号）第129条第1項に規定する指定地域
　　　密着型特定施設入居者生活介護をいう。以下同じ。）又は指定介護予防特定施設入居者生活介護（鹿児島市指定
　　　介護予防サービス等の事業の人員、設備及び運営並びに指定介護予防サービス等に係る介護予防のための効果的
　　　な支援の方法の基準に関する条例（平成24年条例第44号）第202条第1項に規定する指定介護予防特定施設入居者
　　　生活介護をいう。以下同じ。）の提供を受けていないものをいう。以下同じ。）が15人又はその端数を増すごと
　　　に1人以上とすること。</t>
    <phoneticPr fontId="1"/>
  </si>
  <si>
    <t>◎基準条例第12条第4項
　第1項、第2項、第7項、第8項及び第10項の常勤換算方法とは、当該職員のそれぞれの勤務延時間数の総数を当該養護
　老人ホームにおいて常勤の職員が勤務する時間数で除することにより常勤の職員の員数に換算する方法をいう。
○解釈通知第3-1-(2)
【常勤換算方法】
・男女雇用機会均等法に規定する母性健康管理措置又は育児・介護休業法に規定する所定労働時間の短縮等の措置が講
　じられている場合、30時間以上の勤務で、常勤換算方法での計算に当たり、常勤の従事者が勤務すべき時間数を満た
　したものとし、1として取り扱うことを可能とする。
【勤務延時間数】
・勤務表上、当該施設の職務に従事する時間として明確に位置付けられている時間の合計数とする。
・職員一人につき勤務延時間数に算入することができる時間数は、当該施設において常勤の職員が勤務すべき勤務時間
　数を上限とする。
【常勤】
・当該施設における勤務時間が、当該施設において定められている常勤の職員が勤務すべき時間数（週32時間を下回る
　場合は32時間を基本とする。）に達していることをいう。ただし、母性健康管理措置又は育児・介護休業法に規定す
　る所定労働時間の短縮等の措置が講じられている者については、入所者の処遇に支障がない体制が施設として整って
　いる場合は、例外的に常勤の従事者が勤務すべき時間数を30時間として取り扱うことを可能とする。
・当該施設に併設される他の事業の職務であって、当該施設の職務と同時並行的に行われることが差し支えないと考え
　られるものについては、それぞれに係る勤務時間の合計が常勤の職員が勤務すべき時間数に達していれば、常勤の要
　件を満たすものであることとする。
・人員基準において常勤要件が設けられている場合、従事者が産前産後休業、母性健康管理措置、育児休業、介護休
　業、育児休業に準ずる休業を取得中の期間において、当該人員基準において求められる資質を有する複数の非常勤の
　従事者を常勤の従事者の員数に換算することにより、人員基準を満たすことが可能であることとする。</t>
    <rPh sb="123" eb="127">
      <t>カイシャクツウチ</t>
    </rPh>
    <rPh sb="127" eb="128">
      <t>ダイ</t>
    </rPh>
    <rPh sb="146" eb="155">
      <t>ダンジョコヨウキカイキントウホウ</t>
    </rPh>
    <rPh sb="156" eb="158">
      <t>キテイ</t>
    </rPh>
    <rPh sb="160" eb="162">
      <t>ボセイ</t>
    </rPh>
    <rPh sb="162" eb="164">
      <t>ケンコウ</t>
    </rPh>
    <rPh sb="164" eb="166">
      <t>カンリ</t>
    </rPh>
    <rPh sb="166" eb="168">
      <t>ソチ</t>
    </rPh>
    <rPh sb="168" eb="169">
      <t>マタ</t>
    </rPh>
    <rPh sb="170" eb="172">
      <t>イクジ</t>
    </rPh>
    <rPh sb="173" eb="175">
      <t>カイゴ</t>
    </rPh>
    <rPh sb="175" eb="178">
      <t>キュウギョウホウ</t>
    </rPh>
    <rPh sb="179" eb="181">
      <t>キテイ</t>
    </rPh>
    <rPh sb="183" eb="185">
      <t>ショテイ</t>
    </rPh>
    <rPh sb="185" eb="187">
      <t>ロウドウ</t>
    </rPh>
    <rPh sb="187" eb="189">
      <t>ジカン</t>
    </rPh>
    <rPh sb="190" eb="192">
      <t>タンシュク</t>
    </rPh>
    <rPh sb="192" eb="193">
      <t>トウ</t>
    </rPh>
    <rPh sb="194" eb="196">
      <t>ソチ</t>
    </rPh>
    <rPh sb="197" eb="198">
      <t>コウ</t>
    </rPh>
    <rPh sb="206" eb="208">
      <t>バアイ</t>
    </rPh>
    <rPh sb="211" eb="215">
      <t>ジカンイジョウ</t>
    </rPh>
    <rPh sb="216" eb="218">
      <t>キンム</t>
    </rPh>
    <rPh sb="220" eb="222">
      <t>ジョウキン</t>
    </rPh>
    <rPh sb="222" eb="224">
      <t>カンサン</t>
    </rPh>
    <rPh sb="224" eb="226">
      <t>ホウホウ</t>
    </rPh>
    <rPh sb="228" eb="230">
      <t>ケイサン</t>
    </rPh>
    <rPh sb="231" eb="232">
      <t>ア</t>
    </rPh>
    <rPh sb="235" eb="237">
      <t>ジョウキン</t>
    </rPh>
    <rPh sb="238" eb="241">
      <t>ジュウジシャ</t>
    </rPh>
    <rPh sb="242" eb="244">
      <t>キンム</t>
    </rPh>
    <rPh sb="247" eb="250">
      <t>ジカンスウ</t>
    </rPh>
    <rPh sb="251" eb="252">
      <t>ミ</t>
    </rPh>
    <rPh sb="266" eb="267">
      <t>ト</t>
    </rPh>
    <rPh sb="268" eb="269">
      <t>アツカ</t>
    </rPh>
    <rPh sb="273" eb="275">
      <t>カノウ</t>
    </rPh>
    <rPh sb="281" eb="283">
      <t>キンム</t>
    </rPh>
    <rPh sb="283" eb="284">
      <t>ノベ</t>
    </rPh>
    <rPh sb="284" eb="287">
      <t>ジカンスウ</t>
    </rPh>
    <rPh sb="290" eb="292">
      <t>キンム</t>
    </rPh>
    <rPh sb="292" eb="293">
      <t>ヒョウ</t>
    </rPh>
    <rPh sb="293" eb="294">
      <t>ジョウ</t>
    </rPh>
    <rPh sb="295" eb="297">
      <t>トウガイ</t>
    </rPh>
    <rPh sb="297" eb="299">
      <t>シセツ</t>
    </rPh>
    <rPh sb="300" eb="302">
      <t>ショクム</t>
    </rPh>
    <rPh sb="303" eb="305">
      <t>ジュウジ</t>
    </rPh>
    <rPh sb="307" eb="309">
      <t>ジカン</t>
    </rPh>
    <rPh sb="312" eb="314">
      <t>メイカク</t>
    </rPh>
    <rPh sb="315" eb="318">
      <t>イチヅ</t>
    </rPh>
    <rPh sb="324" eb="326">
      <t>ジカン</t>
    </rPh>
    <rPh sb="327" eb="330">
      <t>ゴウケイスウ</t>
    </rPh>
    <rPh sb="336" eb="338">
      <t>ショクイン</t>
    </rPh>
    <rPh sb="338" eb="340">
      <t>ヒトリ</t>
    </rPh>
    <rPh sb="343" eb="345">
      <t>キンム</t>
    </rPh>
    <rPh sb="345" eb="346">
      <t>ノベ</t>
    </rPh>
    <rPh sb="346" eb="349">
      <t>ジカンスウ</t>
    </rPh>
    <rPh sb="350" eb="352">
      <t>サンニュウ</t>
    </rPh>
    <rPh sb="360" eb="363">
      <t>ジカンスウ</t>
    </rPh>
    <rPh sb="365" eb="367">
      <t>トウガイ</t>
    </rPh>
    <rPh sb="367" eb="369">
      <t>シセツ</t>
    </rPh>
    <rPh sb="373" eb="375">
      <t>ジョウキン</t>
    </rPh>
    <rPh sb="376" eb="378">
      <t>ショクイン</t>
    </rPh>
    <rPh sb="379" eb="381">
      <t>キンム</t>
    </rPh>
    <rPh sb="384" eb="386">
      <t>キンム</t>
    </rPh>
    <rPh sb="392" eb="394">
      <t>ジョウゲン</t>
    </rPh>
    <rPh sb="400" eb="402">
      <t>ジョウキン</t>
    </rPh>
    <rPh sb="405" eb="407">
      <t>トウガイ</t>
    </rPh>
    <rPh sb="407" eb="409">
      <t>シセツ</t>
    </rPh>
    <rPh sb="413" eb="415">
      <t>キンム</t>
    </rPh>
    <rPh sb="415" eb="417">
      <t>ジカン</t>
    </rPh>
    <rPh sb="419" eb="421">
      <t>トウガイ</t>
    </rPh>
    <rPh sb="421" eb="423">
      <t>シセツ</t>
    </rPh>
    <rPh sb="427" eb="428">
      <t>サダ</t>
    </rPh>
    <rPh sb="434" eb="436">
      <t>ジョウキン</t>
    </rPh>
    <rPh sb="437" eb="439">
      <t>ショクイン</t>
    </rPh>
    <rPh sb="440" eb="442">
      <t>キンム</t>
    </rPh>
    <rPh sb="445" eb="448">
      <t>ジカンスウ</t>
    </rPh>
    <rPh sb="449" eb="450">
      <t>シュウ</t>
    </rPh>
    <rPh sb="452" eb="454">
      <t>ジカン</t>
    </rPh>
    <rPh sb="455" eb="457">
      <t>シタマワ</t>
    </rPh>
    <rPh sb="460" eb="462">
      <t>バアイ</t>
    </rPh>
    <rPh sb="465" eb="467">
      <t>ジカン</t>
    </rPh>
    <rPh sb="468" eb="470">
      <t>キホン</t>
    </rPh>
    <rPh sb="476" eb="477">
      <t>タッ</t>
    </rPh>
    <rPh sb="537" eb="538">
      <t>モノ</t>
    </rPh>
    <rPh sb="544" eb="547">
      <t>ニュウショシャ</t>
    </rPh>
    <rPh sb="548" eb="550">
      <t>ショグウ</t>
    </rPh>
    <rPh sb="551" eb="553">
      <t>シショウ</t>
    </rPh>
    <rPh sb="556" eb="558">
      <t>タイセイ</t>
    </rPh>
    <rPh sb="559" eb="561">
      <t>シセツ</t>
    </rPh>
    <rPh sb="564" eb="565">
      <t>トトノ</t>
    </rPh>
    <rPh sb="571" eb="573">
      <t>バアイ</t>
    </rPh>
    <rPh sb="575" eb="578">
      <t>レイガイテキ</t>
    </rPh>
    <rPh sb="597" eb="599">
      <t>ジカン</t>
    </rPh>
    <rPh sb="645" eb="646">
      <t>ム</t>
    </rPh>
    <rPh sb="700" eb="702">
      <t>ショクイン</t>
    </rPh>
    <rPh sb="743" eb="745">
      <t>ジンイン</t>
    </rPh>
    <rPh sb="745" eb="747">
      <t>キジュン</t>
    </rPh>
    <rPh sb="751" eb="753">
      <t>ジョウキン</t>
    </rPh>
    <rPh sb="753" eb="755">
      <t>ヨウケン</t>
    </rPh>
    <rPh sb="756" eb="757">
      <t>モウ</t>
    </rPh>
    <rPh sb="763" eb="765">
      <t>バアイ</t>
    </rPh>
    <rPh sb="766" eb="769">
      <t>ジュウジシャ</t>
    </rPh>
    <rPh sb="770" eb="772">
      <t>サンゼン</t>
    </rPh>
    <rPh sb="772" eb="774">
      <t>サンゴ</t>
    </rPh>
    <rPh sb="774" eb="776">
      <t>キュウギョウ</t>
    </rPh>
    <rPh sb="777" eb="779">
      <t>ボセイ</t>
    </rPh>
    <rPh sb="779" eb="781">
      <t>ケンコウ</t>
    </rPh>
    <rPh sb="781" eb="783">
      <t>カンリ</t>
    </rPh>
    <rPh sb="783" eb="785">
      <t>ソチ</t>
    </rPh>
    <rPh sb="786" eb="788">
      <t>イクジ</t>
    </rPh>
    <rPh sb="788" eb="790">
      <t>キュウギョウ</t>
    </rPh>
    <rPh sb="791" eb="793">
      <t>カイゴ</t>
    </rPh>
    <rPh sb="798" eb="800">
      <t>イクジ</t>
    </rPh>
    <rPh sb="800" eb="802">
      <t>キュウギョウ</t>
    </rPh>
    <rPh sb="803" eb="804">
      <t>ジュン</t>
    </rPh>
    <rPh sb="806" eb="808">
      <t>キュウギョウ</t>
    </rPh>
    <rPh sb="809" eb="811">
      <t>シュトク</t>
    </rPh>
    <rPh sb="811" eb="812">
      <t>チュウ</t>
    </rPh>
    <rPh sb="813" eb="815">
      <t>キカン</t>
    </rPh>
    <rPh sb="820" eb="822">
      <t>トウガイ</t>
    </rPh>
    <rPh sb="822" eb="824">
      <t>ジンイン</t>
    </rPh>
    <rPh sb="824" eb="826">
      <t>キジュン</t>
    </rPh>
    <rPh sb="830" eb="831">
      <t>モト</t>
    </rPh>
    <rPh sb="835" eb="837">
      <t>シシツ</t>
    </rPh>
    <rPh sb="838" eb="839">
      <t>ユウ</t>
    </rPh>
    <rPh sb="841" eb="843">
      <t>フクスウ</t>
    </rPh>
    <rPh sb="844" eb="847">
      <t>ヒジョウキン</t>
    </rPh>
    <rPh sb="850" eb="853">
      <t>ジュウジシャ</t>
    </rPh>
    <rPh sb="854" eb="856">
      <t>ジョウキン</t>
    </rPh>
    <rPh sb="857" eb="860">
      <t>ジュウジシャ</t>
    </rPh>
    <rPh sb="861" eb="863">
      <t>インスウ</t>
    </rPh>
    <rPh sb="864" eb="866">
      <t>カンサン</t>
    </rPh>
    <rPh sb="874" eb="876">
      <t>ジンイン</t>
    </rPh>
    <rPh sb="876" eb="878">
      <t>キジュン</t>
    </rPh>
    <rPh sb="879" eb="880">
      <t>ミ</t>
    </rPh>
    <rPh sb="885" eb="887">
      <t>カノウ</t>
    </rPh>
    <phoneticPr fontId="1"/>
  </si>
  <si>
    <t>○解釈通知第3-1-(3),(4)
【視覚障害者】
　身体障害者手帳の障害の程度が1級又は2級若しくはこれに準ずる視覚障害の状態にあり、日常生活におけるコミュニ
　ケーションや移動等に支障があると認められる視覚障害を有する者。
【聴覚障害者】
　身体障害者手帳の障害の程度が2級又はこれに準ずる聴覚障害の状態にあり、日常生活におけるコミュニケーション
　に支障があると認められる聴覚障害を有する者。
【定員の7割を超える場合】
・当該年度の前年度における視覚又は聴覚に障害のある入所者の延数を当該施設の定員の延数で除して得た数が0.7を
　超える場合。
・視覚、聴覚のいずれにも障害を有する入所者については、当該入所者の1人をもって視覚又は聴覚に障害のある入所
　者2人に相当するものとみなして計算するものとする。</t>
    <rPh sb="1" eb="3">
      <t>カイシャク</t>
    </rPh>
    <rPh sb="3" eb="5">
      <t>ツウチ</t>
    </rPh>
    <rPh sb="5" eb="6">
      <t>ダイ</t>
    </rPh>
    <rPh sb="19" eb="21">
      <t>シカク</t>
    </rPh>
    <rPh sb="21" eb="24">
      <t>ショウガイシャ</t>
    </rPh>
    <rPh sb="27" eb="29">
      <t>シンタイ</t>
    </rPh>
    <rPh sb="29" eb="32">
      <t>ショウガイシャ</t>
    </rPh>
    <rPh sb="32" eb="34">
      <t>テチョウ</t>
    </rPh>
    <rPh sb="35" eb="37">
      <t>ショウガイ</t>
    </rPh>
    <rPh sb="38" eb="40">
      <t>テイド</t>
    </rPh>
    <rPh sb="42" eb="43">
      <t>キュウ</t>
    </rPh>
    <rPh sb="43" eb="44">
      <t>マタ</t>
    </rPh>
    <rPh sb="46" eb="47">
      <t>キュウ</t>
    </rPh>
    <rPh sb="47" eb="48">
      <t>モ</t>
    </rPh>
    <rPh sb="54" eb="55">
      <t>ジュン</t>
    </rPh>
    <rPh sb="57" eb="59">
      <t>シカク</t>
    </rPh>
    <rPh sb="59" eb="61">
      <t>ショウガイ</t>
    </rPh>
    <rPh sb="62" eb="64">
      <t>ジョウタイ</t>
    </rPh>
    <rPh sb="68" eb="70">
      <t>ニチジョウ</t>
    </rPh>
    <rPh sb="70" eb="72">
      <t>セイカツ</t>
    </rPh>
    <rPh sb="88" eb="90">
      <t>イドウ</t>
    </rPh>
    <rPh sb="90" eb="91">
      <t>トウ</t>
    </rPh>
    <rPh sb="92" eb="94">
      <t>シショウ</t>
    </rPh>
    <rPh sb="98" eb="99">
      <t>ミト</t>
    </rPh>
    <rPh sb="103" eb="105">
      <t>シカク</t>
    </rPh>
    <rPh sb="105" eb="107">
      <t>ショウガイ</t>
    </rPh>
    <rPh sb="108" eb="109">
      <t>ユウ</t>
    </rPh>
    <rPh sb="111" eb="112">
      <t>モノ</t>
    </rPh>
    <rPh sb="115" eb="117">
      <t>チョウカク</t>
    </rPh>
    <rPh sb="117" eb="120">
      <t>ショウガイシャ</t>
    </rPh>
    <rPh sb="123" eb="125">
      <t>シンタイ</t>
    </rPh>
    <rPh sb="125" eb="128">
      <t>ショウガイシャ</t>
    </rPh>
    <rPh sb="128" eb="130">
      <t>テチョウ</t>
    </rPh>
    <rPh sb="131" eb="133">
      <t>ショウガイ</t>
    </rPh>
    <rPh sb="134" eb="136">
      <t>テイド</t>
    </rPh>
    <rPh sb="138" eb="139">
      <t>キュウ</t>
    </rPh>
    <rPh sb="139" eb="140">
      <t>マタ</t>
    </rPh>
    <rPh sb="144" eb="145">
      <t>ジュン</t>
    </rPh>
    <rPh sb="147" eb="149">
      <t>チョウカク</t>
    </rPh>
    <rPh sb="149" eb="151">
      <t>ショウガイ</t>
    </rPh>
    <rPh sb="152" eb="154">
      <t>ジョウタイ</t>
    </rPh>
    <rPh sb="158" eb="160">
      <t>ニチジョウ</t>
    </rPh>
    <rPh sb="160" eb="162">
      <t>セイカツ</t>
    </rPh>
    <rPh sb="178" eb="180">
      <t>シショウ</t>
    </rPh>
    <rPh sb="184" eb="185">
      <t>ミト</t>
    </rPh>
    <rPh sb="189" eb="191">
      <t>チョウカク</t>
    </rPh>
    <rPh sb="191" eb="193">
      <t>ショウガイ</t>
    </rPh>
    <rPh sb="194" eb="195">
      <t>ユウ</t>
    </rPh>
    <rPh sb="197" eb="198">
      <t>モノ</t>
    </rPh>
    <rPh sb="201" eb="203">
      <t>テイイン</t>
    </rPh>
    <rPh sb="205" eb="206">
      <t>ワリ</t>
    </rPh>
    <rPh sb="207" eb="208">
      <t>コ</t>
    </rPh>
    <rPh sb="210" eb="212">
      <t>バアイ</t>
    </rPh>
    <rPh sb="215" eb="217">
      <t>トウガイ</t>
    </rPh>
    <rPh sb="217" eb="219">
      <t>ネンド</t>
    </rPh>
    <rPh sb="220" eb="223">
      <t>ゼンネンド</t>
    </rPh>
    <rPh sb="227" eb="229">
      <t>シカク</t>
    </rPh>
    <rPh sb="229" eb="230">
      <t>マタ</t>
    </rPh>
    <rPh sb="231" eb="233">
      <t>チョウカク</t>
    </rPh>
    <rPh sb="234" eb="236">
      <t>ショウガイ</t>
    </rPh>
    <rPh sb="239" eb="242">
      <t>ニュウショシャ</t>
    </rPh>
    <rPh sb="243" eb="244">
      <t>ノベ</t>
    </rPh>
    <rPh sb="244" eb="245">
      <t>スウ</t>
    </rPh>
    <rPh sb="246" eb="248">
      <t>トウガイ</t>
    </rPh>
    <rPh sb="248" eb="250">
      <t>シセツ</t>
    </rPh>
    <rPh sb="251" eb="253">
      <t>テイイン</t>
    </rPh>
    <rPh sb="254" eb="255">
      <t>ノベ</t>
    </rPh>
    <rPh sb="255" eb="256">
      <t>スウ</t>
    </rPh>
    <rPh sb="257" eb="258">
      <t>ジョ</t>
    </rPh>
    <rPh sb="260" eb="261">
      <t>エ</t>
    </rPh>
    <rPh sb="262" eb="263">
      <t>カズ</t>
    </rPh>
    <rPh sb="270" eb="271">
      <t>コ</t>
    </rPh>
    <rPh sb="273" eb="275">
      <t>バアイ</t>
    </rPh>
    <rPh sb="278" eb="280">
      <t>シカク</t>
    </rPh>
    <rPh sb="281" eb="283">
      <t>チョウカク</t>
    </rPh>
    <rPh sb="289" eb="291">
      <t>ショウガイ</t>
    </rPh>
    <rPh sb="292" eb="293">
      <t>ユウ</t>
    </rPh>
    <rPh sb="295" eb="298">
      <t>ニュウショシャ</t>
    </rPh>
    <rPh sb="304" eb="306">
      <t>トウガイ</t>
    </rPh>
    <rPh sb="306" eb="309">
      <t>ニュウショシャ</t>
    </rPh>
    <rPh sb="311" eb="312">
      <t>ニン</t>
    </rPh>
    <rPh sb="316" eb="318">
      <t>シカク</t>
    </rPh>
    <rPh sb="318" eb="319">
      <t>マタ</t>
    </rPh>
    <rPh sb="320" eb="322">
      <t>チョウカク</t>
    </rPh>
    <rPh sb="323" eb="325">
      <t>ショウガイ</t>
    </rPh>
    <rPh sb="334" eb="335">
      <t>ニン</t>
    </rPh>
    <rPh sb="336" eb="338">
      <t>ソウトウ</t>
    </rPh>
    <rPh sb="347" eb="349">
      <t>ケイサン</t>
    </rPh>
    <phoneticPr fontId="1"/>
  </si>
  <si>
    <t>◎基準条例第12条第12項
　第1項第3号、第6号及び第7号の規定にかかわらず、サテライト型養護老人ホームの生活相談員、栄養士又は調理員、
　事務員その他の職員については、次に掲げる本体施設の場合は、次の各号に掲げる区分に応じ、当該各号に定める職
　員により当該サテライト型養護老人ホームの入所者の処遇が適切に行われていると認められるときは、これを置かな
　いことができる。
　(1) 養護老人ホーム　生活相談員、栄養士又は調理員、事務員その他の職員
　(2) 介護老人保健施設　支援相談員、栄養士又は調理員、事務員その他の従業者
　(3) 介護医療院　栄養士又は調理員、事務員その他の従業者
　(4) 病院　栄養士（病床数100床以上の病院の場合に限る。）
　(5) 診療所　事務員その他の従業者</t>
    <rPh sb="1" eb="3">
      <t>キジュン</t>
    </rPh>
    <rPh sb="3" eb="5">
      <t>ジョウレイ</t>
    </rPh>
    <rPh sb="5" eb="6">
      <t>ダイ</t>
    </rPh>
    <rPh sb="8" eb="9">
      <t>ジョウ</t>
    </rPh>
    <rPh sb="9" eb="10">
      <t>ダイ</t>
    </rPh>
    <rPh sb="12" eb="13">
      <t>コウ</t>
    </rPh>
    <phoneticPr fontId="1"/>
  </si>
  <si>
    <t>◎基準条例第6条
　養護老人ホームの職員は、専ら当該養護老人ホームの職務に従事することができる者をもって充てなければならな
　い。ただし、入所者の処遇に支障がない場合は、この限りでない。
○解釈通知第1-5
・法人内の他の職務であっても、同時並行的に行われるものではない職務であれば、各々の職務に従事すべき時間帯が
　明確に区分された上で兼務することは差し支えない。
・ただし書の規定は、直接入所者の処遇に当たる生活相談員、支援員及び看護職員については適用すべきでなく、その
　他の職員についても、同一敷地内に設置されている他の社会福祉施設に兼ねて勤務する場合等であって、兼務によっ
　ても入所者の処遇に支障をきたさない場合に限り適用すること。</t>
    <rPh sb="169" eb="171">
      <t>ケンム</t>
    </rPh>
    <rPh sb="188" eb="189">
      <t>ガ</t>
    </rPh>
    <rPh sb="190" eb="192">
      <t>キテイ</t>
    </rPh>
    <rPh sb="212" eb="214">
      <t>シエン</t>
    </rPh>
    <rPh sb="214" eb="215">
      <t>イン</t>
    </rPh>
    <rPh sb="239" eb="240">
      <t>タ</t>
    </rPh>
    <rPh sb="241" eb="243">
      <t>ショクイン</t>
    </rPh>
    <rPh sb="249" eb="251">
      <t>ドウイツ</t>
    </rPh>
    <rPh sb="251" eb="253">
      <t>シキチ</t>
    </rPh>
    <rPh sb="253" eb="254">
      <t>ナイ</t>
    </rPh>
    <rPh sb="255" eb="257">
      <t>セッチ</t>
    </rPh>
    <rPh sb="262" eb="263">
      <t>タ</t>
    </rPh>
    <rPh sb="264" eb="270">
      <t>シャカイフクシシセツ</t>
    </rPh>
    <rPh sb="271" eb="272">
      <t>カ</t>
    </rPh>
    <rPh sb="274" eb="276">
      <t>キンム</t>
    </rPh>
    <rPh sb="278" eb="280">
      <t>バアイ</t>
    </rPh>
    <rPh sb="280" eb="281">
      <t>トウ</t>
    </rPh>
    <rPh sb="286" eb="288">
      <t>ケンム</t>
    </rPh>
    <rPh sb="295" eb="298">
      <t>ニュウショシャ</t>
    </rPh>
    <rPh sb="299" eb="301">
      <t>ショグウ</t>
    </rPh>
    <rPh sb="302" eb="304">
      <t>シショウ</t>
    </rPh>
    <rPh sb="310" eb="312">
      <t>バアイ</t>
    </rPh>
    <rPh sb="313" eb="314">
      <t>カギ</t>
    </rPh>
    <rPh sb="315" eb="317">
      <t>テキヨウ</t>
    </rPh>
    <phoneticPr fontId="1"/>
  </si>
  <si>
    <t>◎基準条例第3条
　養護老人ホームの配置、構造及び設備は、日照、採光、換気等入所者の保健衛生に関する事項及び防災について十分
　考慮されたものでなければならない。</t>
    <rPh sb="1" eb="5">
      <t>キジュンジョウレイ</t>
    </rPh>
    <phoneticPr fontId="1"/>
  </si>
  <si>
    <t>◎基準条例第10条
　養護老人ホームは、20人以上（特別養護老人ホームに併設する場合にあっては、10人以上）の人員を入所させること
　ができる規模を有しなければならない。</t>
    <rPh sb="1" eb="5">
      <t>キジュンジョウレイ</t>
    </rPh>
    <rPh sb="5" eb="6">
      <t>ダイ</t>
    </rPh>
    <rPh sb="8" eb="9">
      <t>ジョウ</t>
    </rPh>
    <phoneticPr fontId="1"/>
  </si>
  <si>
    <t>2 前項の規定にかかわらず、市長が、火災予防、消火活動等に関し専門的知識を有する者の意見を聴いて、次の各号の
　いずれかの要件を満たす木造かつ平屋建ての養護老人ホームの建物であって、火災に係る入所者の安全性が確保され
　ていると認めたときは、耐火建築物又は準耐火建築物とすることを要しない。
　(1) スプリンクラー設備の設置、天井等の内装材等への難燃性の材料の使用、調理室等火災が発生するおそれがある
　　箇所における防火区画の設置等により、初期消火及び延焼の抑制に配慮した構造であること。
　(2) 非常警報設備の設置等による火災の早期発見及び通報の体制が整備されており、円滑な消火活動が可能なもので
　　あること。
　(3) 避難口の増設、搬送を容易に行うために十分な幅員を有する避難路の確保等により、円滑な避難が可能な構造で
　　あり、かつ、避難訓練を頻繁に実施すること、配置人員を増員すること等により、火災の際の円滑な避難が可能な
　　ものであること。</t>
    <phoneticPr fontId="1"/>
  </si>
  <si>
    <t>3 養護老人ホームには、次の各号に掲げる設備を設けなければならない。ただし、他の社会福祉施設等の設備を利用す
　ることにより、施設の効果的な運営を期待することができる場合であって、入所者の処遇に支障がないときは、設備
　の一部を設けないことができる。
　(1) 居室
　(2) 静養室
　(3) 食堂
　(4) 集会室
　(5) 浴室
　(6) 洗面所
　(7) 便所
　(8) 医務室
　(9) 調理室
　(10)　宿直室
　(11)　職員室
　(12)　面談室
　(13)　洗濯室又は洗濯場
　(14)　汚物処理室
　(15)　霊安室
　(16)　前各号に掲げるもののほか、事務室その他の運営上必要な設備</t>
    <phoneticPr fontId="1"/>
  </si>
  <si>
    <t>4 前項各号に掲げる設備の基準は、次のとおりとする。
　(1) 居室
　　ア　地階に設けてはならないこと。
　　イ　入所者1人当たりの床面積は、10.65平方メートル以上とすること。
　　ウ　1以上の出入口は、避難上有効な空地、廊下又は広間に直接面して設けること。
　　エ　入所者の寝具及び身の回り品を各人別に収納することができる収納設備を設けること。
　(2) 静養室
　　ア　医務室又は職員室に近接して設けること。
　　イ　原則として1階に設け、寝台又はこれに代わる設備を備えること。
　　ウ　ア及びイに定めるもののほか、前号ア、ウ及びエに定めるところによること。
　(3) 洗面所　居室のある階ごとに設けること。
　(4) 便所　居室のある階ごとに男子用と女子用を別に設けること。
　(5) 医務室　入所者を診療するために必要な医薬品及び医療機器を備えるほか、必要に応じて臨床検査設備を設ける
　　こと。
　(6) 調理室　火気を使用する部分は、不燃材料を用いること。
　(7) 職員室　居室のある階ごとに居室に近接して設けること。</t>
    <phoneticPr fontId="1"/>
  </si>
  <si>
    <t>5 前各項に規定するもののほか、養護老人ホームの設備の基準は、次に定めるところによる。
　(1) 廊下の幅は、1.35メートル以上とすること。ただし、中廊下の幅は、1.8メートル以上とすること。
　(2) 廊下、便所その他必要な場所に常夜灯を設けること。
　(3) 階段の傾斜は、緩やかにすること。</t>
    <phoneticPr fontId="1"/>
  </si>
  <si>
    <t>◎基準条例第11条
1 養護老人ホームの建物（入所者の日常生活のために使用しない附属の建物を除く。）は、耐火建築物（建築基準法（
　昭和25年法律第201号）第2条第9号の2に規定する耐火建築物をいう。以下同じ。）又は準耐火建築物（同条第9号の3
　に規定する準耐火建築物をいう。以下同じ。）でなければならない。</t>
    <rPh sb="1" eb="5">
      <t>キジュンジョウレイ</t>
    </rPh>
    <phoneticPr fontId="1"/>
  </si>
  <si>
    <t>◎基準条例付則
2 昭和41年10月1日前から引き続き存する養護老人ホームについては、第10条並びに第11条第1項、第4項第1号イ及び第
　5項第1号の規定は、当分の間、適用しない。
3 昭和62年3月9日前から引き続き存する養護老人ホームについては、第11条第3項第14号の規定は、当分の間、適用し
　ない。
4 昭和62年3月9日前から引き続き存する養護老人ホームについては、第13条の規定を適用する場合は、「1人とする。
　ただし、入所者への処遇上必要と認められる場合は、2人とすることができる」とあるのは、「原則として4人以下と
　する」とする。</t>
    <rPh sb="1" eb="5">
      <t>キジュンジョウレイ</t>
    </rPh>
    <phoneticPr fontId="1"/>
  </si>
  <si>
    <t>◎基準条例第13条
　一の居室の定員は、1人とする。ただし、入所者への処遇上必要と認められる場合は、2人とすることができる。</t>
    <rPh sb="1" eb="5">
      <t>キジュンジョウレイ</t>
    </rPh>
    <rPh sb="5" eb="6">
      <t>ダイ</t>
    </rPh>
    <rPh sb="8" eb="9">
      <t>ジョウ</t>
    </rPh>
    <phoneticPr fontId="1"/>
  </si>
  <si>
    <r>
      <t>◎基準条例第7条
　養護老人ホームは、次に掲げる施設の運営についての重要事項に関する規程を定めておかなければならない。
　(1) 施設の目的及び運営の方針
　(2) 職員の職種、数及び職務の内容
　(3) 入所定員
　(4) 入所者の処遇の内容
　(5) 施設の利用に当たっての留意事項
　(6) 非常災害対策
　(7) 虐待の防止のための措置に関する事項　</t>
    </r>
    <r>
      <rPr>
        <u/>
        <sz val="8"/>
        <rFont val="HGｺﾞｼｯｸM"/>
        <family val="3"/>
        <charset val="128"/>
      </rPr>
      <t>※令和6年3月31日まで努力義務</t>
    </r>
    <r>
      <rPr>
        <sz val="8"/>
        <rFont val="HGｺﾞｼｯｸM"/>
        <family val="3"/>
        <charset val="128"/>
      </rPr>
      <t xml:space="preserve">
　(8) その他施設の運営に関する重要事項</t>
    </r>
    <rPh sb="1" eb="3">
      <t>キジュン</t>
    </rPh>
    <rPh sb="3" eb="5">
      <t>ジョウレイ</t>
    </rPh>
    <rPh sb="5" eb="6">
      <t>ダイ</t>
    </rPh>
    <rPh sb="7" eb="8">
      <t>ジョウ</t>
    </rPh>
    <phoneticPr fontId="1"/>
  </si>
  <si>
    <t>◎基準条例第8条
1 養護老人ホームは、消火設備その他の非常災害に際して必要な設備を設けるとともに、当該養護老人ホームの立地環
　境に応じ、火災、風水害、地震、津波、火山災害等個別に非常災害に対する具体的計画を立てなければならない。
2 養護老人ホームは、前項の具体的計画の内容について、職員及び入所者に分かりやすく当該養護老人ホーム内に掲示
　しなければならない。
3 養護老人ホームは、非常災害時の関係機関への通報及び連携体制を整備するとともに、常に地域社会との連携を図る
　ことにより非常災害時に地域住民の協力が得られる体制づくりに努め、それらの取組を定期的に職員に周知しなけれ
　ばならない。
4 養護老人ホームは、非常災害に備えるため、定期的に避難、救出その他必要な訓練を行なわなければならない。
5 養護老人ホームは、前項に規定する訓練の実施に当たって、地域住民の参加が得られるよう連携に努めなければなら
　ない。</t>
    <rPh sb="1" eb="3">
      <t>キジュン</t>
    </rPh>
    <rPh sb="3" eb="5">
      <t>ジョウレイ</t>
    </rPh>
    <rPh sb="5" eb="6">
      <t>ダイ</t>
    </rPh>
    <rPh sb="7" eb="8">
      <t>ジョウ</t>
    </rPh>
    <phoneticPr fontId="1"/>
  </si>
  <si>
    <t>◎基準条例第9条
1 養護老人ホームは、設備、職員及び会計に関する諸記録を整備しておかなければならない。
2 養護老人ホームは、入所者の処遇の状況に関する次の各号に掲げる記録を整備し、その完結の日から5年間保存しな
　ければならない。
　(1) 処遇計画
　(2) 行った具体的な処遇の内容等の記録
　(3) 第16条第5項に規定する身体的拘束等の態様及び時間、その際の入所者の心身の状況並びに緊急やむを得ない理
　　由の記録
　(4) 第27条第2項に規定する苦情の内容等の記録
　(5) 第29条第3項に規定する事故の状況及び事故に際して採った処置についての記録</t>
    <phoneticPr fontId="1"/>
  </si>
  <si>
    <t>○解釈通知第1-8
・少なくとも次に掲げる記録を備えなければならないこととしたもの。
　(1) 運営に関する記録
　　・事業日誌
　　・沿革に関する記録
　　・職員の勤務状況、給与等に関する記録
　　・条例、定款及び施設運営に必要な諸規程
　　・重要な会議に関する記録
　　・月間及び年間の事業計画及び事業実施状況表
　　・関係官署に対する報告書等の文書綴</t>
    <rPh sb="101" eb="103">
      <t>ジョウレイ</t>
    </rPh>
    <phoneticPr fontId="1"/>
  </si>
  <si>
    <t>　(2) 入所者に関する記録
　　・入所者名簿
　　・入所者台帳（入所者の生活歴、処遇に関する事項その他必要な事項を記録したもの）
　　・入所者の処遇に関する計画
　　・処遇日誌
　　・献立その他食事に関する記録
　　・入所者の健康管理に関する記録
　　・当該入所者又は他の入所者等の生命又は身体を保護するため緊急やむを得ない場合に行った身体的拘束等の態様
　　　及び時間、その際の入所者の心身の状況並びに緊急やむを得ない理由の記録
　　・行った処遇に関する入所者及びその家族からの苦情の内容等の記録
　　・入所者の処遇により事故が発生した場合の事故の状況及び事故に際して採った処置についての記録</t>
    <phoneticPr fontId="1"/>
  </si>
  <si>
    <t>　(3) 会計経理に関する記録
　　・収支予算及び収支決算に関する書類
　　・金銭の出納に関する記録
　　・債権債務に関する記録
　　・物品受払に関する記録
　　・収入支出に関する記録
　　・資産に関する記録
　　・証拠書類綴
・社会福祉法人が整備すべき会計経理に関する記録については、「社会福祉法人会計基準の制定について」（平成12年
　2月17日社援第310号大臣官房障害保健福祉部長、社会・援護局長、老人保健福祉局長、児童家庭局長連名通知）に留
　意すること。</t>
    <rPh sb="19" eb="21">
      <t>シュウシ</t>
    </rPh>
    <rPh sb="21" eb="23">
      <t>ヨサン</t>
    </rPh>
    <rPh sb="23" eb="24">
      <t>オヨ</t>
    </rPh>
    <rPh sb="25" eb="27">
      <t>シュウシ</t>
    </rPh>
    <rPh sb="27" eb="29">
      <t>ケッサン</t>
    </rPh>
    <rPh sb="30" eb="31">
      <t>カン</t>
    </rPh>
    <rPh sb="33" eb="35">
      <t>ショルイ</t>
    </rPh>
    <rPh sb="39" eb="41">
      <t>キンセン</t>
    </rPh>
    <rPh sb="42" eb="44">
      <t>スイトウ</t>
    </rPh>
    <rPh sb="45" eb="46">
      <t>カン</t>
    </rPh>
    <rPh sb="48" eb="50">
      <t>キロク</t>
    </rPh>
    <rPh sb="54" eb="56">
      <t>サイケン</t>
    </rPh>
    <rPh sb="56" eb="58">
      <t>サイム</t>
    </rPh>
    <rPh sb="59" eb="60">
      <t>カン</t>
    </rPh>
    <rPh sb="62" eb="64">
      <t>キロク</t>
    </rPh>
    <rPh sb="68" eb="70">
      <t>ブッピン</t>
    </rPh>
    <rPh sb="70" eb="72">
      <t>ウケハライ</t>
    </rPh>
    <rPh sb="73" eb="74">
      <t>カン</t>
    </rPh>
    <rPh sb="76" eb="78">
      <t>キロク</t>
    </rPh>
    <rPh sb="82" eb="84">
      <t>シュウニュウ</t>
    </rPh>
    <rPh sb="84" eb="86">
      <t>シシュツ</t>
    </rPh>
    <rPh sb="87" eb="88">
      <t>カン</t>
    </rPh>
    <rPh sb="90" eb="92">
      <t>キロク</t>
    </rPh>
    <rPh sb="96" eb="98">
      <t>シサン</t>
    </rPh>
    <rPh sb="99" eb="100">
      <t>カン</t>
    </rPh>
    <rPh sb="102" eb="104">
      <t>キロク</t>
    </rPh>
    <rPh sb="108" eb="110">
      <t>ショウコ</t>
    </rPh>
    <rPh sb="110" eb="112">
      <t>ショルイ</t>
    </rPh>
    <rPh sb="112" eb="113">
      <t>ツヅ</t>
    </rPh>
    <rPh sb="115" eb="117">
      <t>シャカイ</t>
    </rPh>
    <rPh sb="117" eb="119">
      <t>フクシ</t>
    </rPh>
    <rPh sb="119" eb="121">
      <t>ホウジン</t>
    </rPh>
    <rPh sb="122" eb="124">
      <t>セイビ</t>
    </rPh>
    <rPh sb="127" eb="129">
      <t>カイケイ</t>
    </rPh>
    <rPh sb="129" eb="131">
      <t>ケイリ</t>
    </rPh>
    <rPh sb="132" eb="133">
      <t>カン</t>
    </rPh>
    <rPh sb="135" eb="137">
      <t>キロク</t>
    </rPh>
    <rPh sb="144" eb="146">
      <t>シャカイ</t>
    </rPh>
    <rPh sb="146" eb="148">
      <t>フクシ</t>
    </rPh>
    <rPh sb="148" eb="150">
      <t>ホウジン</t>
    </rPh>
    <rPh sb="150" eb="152">
      <t>カイケイ</t>
    </rPh>
    <rPh sb="152" eb="154">
      <t>キジュン</t>
    </rPh>
    <rPh sb="155" eb="157">
      <t>セイテイ</t>
    </rPh>
    <rPh sb="163" eb="165">
      <t>ヘイセイ</t>
    </rPh>
    <rPh sb="167" eb="168">
      <t>ネン</t>
    </rPh>
    <rPh sb="171" eb="172">
      <t>ガツ</t>
    </rPh>
    <rPh sb="174" eb="175">
      <t>ニチ</t>
    </rPh>
    <rPh sb="175" eb="176">
      <t>シャ</t>
    </rPh>
    <phoneticPr fontId="1"/>
  </si>
  <si>
    <t>○解釈通知第1-9
・養護老人ホームの運営に伴う収入及び支出は、経営主体である地方公共団体又は社会福祉法人の予算に必ず計上し、
　会計経理に当たっては収支の状況を明らかにしなければならないこと。
・養護老人ホームにおける運営費の運用については、「社会福祉法人が経営する社会福祉施設における運営費の運用及
　び指導について」（平成16年3月12日雇児発第0312001号、社援発第0312001号、老発第0312001号厚生労働省雇用均等
　・児童家庭局長、社会・援護局長、老健局長連名通知）に留意すること。</t>
    <rPh sb="11" eb="15">
      <t>ヨウゴロウジン</t>
    </rPh>
    <rPh sb="19" eb="21">
      <t>ウンエイ</t>
    </rPh>
    <rPh sb="22" eb="23">
      <t>トモナ</t>
    </rPh>
    <rPh sb="24" eb="26">
      <t>シュウニュウ</t>
    </rPh>
    <rPh sb="26" eb="27">
      <t>オヨ</t>
    </rPh>
    <rPh sb="28" eb="30">
      <t>シシュツ</t>
    </rPh>
    <rPh sb="32" eb="34">
      <t>ケイエイ</t>
    </rPh>
    <rPh sb="34" eb="36">
      <t>シュタイ</t>
    </rPh>
    <rPh sb="39" eb="41">
      <t>チホウ</t>
    </rPh>
    <rPh sb="41" eb="43">
      <t>コウキョウ</t>
    </rPh>
    <rPh sb="43" eb="45">
      <t>ダンタイ</t>
    </rPh>
    <rPh sb="45" eb="46">
      <t>マタ</t>
    </rPh>
    <rPh sb="47" eb="49">
      <t>シャカイ</t>
    </rPh>
    <rPh sb="49" eb="51">
      <t>フクシ</t>
    </rPh>
    <rPh sb="51" eb="53">
      <t>ホウジン</t>
    </rPh>
    <rPh sb="54" eb="56">
      <t>ヨサン</t>
    </rPh>
    <rPh sb="57" eb="58">
      <t>カナラ</t>
    </rPh>
    <rPh sb="59" eb="61">
      <t>ケイジョウ</t>
    </rPh>
    <rPh sb="65" eb="67">
      <t>カイケイ</t>
    </rPh>
    <rPh sb="67" eb="69">
      <t>ケイリ</t>
    </rPh>
    <rPh sb="70" eb="71">
      <t>ア</t>
    </rPh>
    <rPh sb="75" eb="77">
      <t>シュウシ</t>
    </rPh>
    <rPh sb="78" eb="80">
      <t>ジョウキョウ</t>
    </rPh>
    <rPh sb="81" eb="82">
      <t>アキ</t>
    </rPh>
    <rPh sb="99" eb="103">
      <t>ヨウゴロウジン</t>
    </rPh>
    <rPh sb="110" eb="113">
      <t>ウンエイヒ</t>
    </rPh>
    <rPh sb="114" eb="116">
      <t>ウンヨウ</t>
    </rPh>
    <rPh sb="123" eb="125">
      <t>シャカイ</t>
    </rPh>
    <rPh sb="125" eb="127">
      <t>フクシ</t>
    </rPh>
    <rPh sb="127" eb="129">
      <t>ホウジン</t>
    </rPh>
    <rPh sb="130" eb="132">
      <t>ケイエイ</t>
    </rPh>
    <rPh sb="134" eb="136">
      <t>シャカイ</t>
    </rPh>
    <rPh sb="136" eb="138">
      <t>フクシ</t>
    </rPh>
    <rPh sb="138" eb="140">
      <t>シセツ</t>
    </rPh>
    <rPh sb="144" eb="147">
      <t>ウンエイヒ</t>
    </rPh>
    <rPh sb="148" eb="150">
      <t>ウンヨウ</t>
    </rPh>
    <rPh sb="150" eb="151">
      <t>オヨ</t>
    </rPh>
    <rPh sb="154" eb="156">
      <t>シドウ</t>
    </rPh>
    <rPh sb="162" eb="164">
      <t>ヘイセイ</t>
    </rPh>
    <rPh sb="166" eb="167">
      <t>ネン</t>
    </rPh>
    <rPh sb="168" eb="169">
      <t>ガツ</t>
    </rPh>
    <rPh sb="171" eb="172">
      <t>ニチ</t>
    </rPh>
    <phoneticPr fontId="1"/>
  </si>
  <si>
    <t>◎基準条例第14条
1 養護老人ホームは、入所予定者の入所に際しては、その者の心身の状況、生活歴、病歴等の把握に努めなければなら
　ない。
2 養護老人ホームは、入所者の心身の状況、その置かれている環境等に照らし、その者が居宅において日常生活を営む
　ことができるかどうかについて常に配慮しなければならない。
3 養護老人ホームは、その心身の状況、その置かれている環境等に照らし、居宅において日常生活を営むことができる
　と認められる入所者に対し、その者及びその家族の希望、その者が退所後に置かれることとなる生活環境等を勘案
　し、その者の円滑な退所のために必要な援助に努めなければならない。
4 養護老人ホームは、入所者の退所に際しては、保健医療サービス又は福祉サービスを提供する者との密接な連携に努
　めなければならない。
5 養護老人ホームは、入所者の退所後も、必要に応じ、当該入所者及びその家族等に対する相談援助を行うとともに、
　適切な援助に努めなければならない。</t>
    <rPh sb="1" eb="6">
      <t>キジュンジョウレイダイ</t>
    </rPh>
    <rPh sb="8" eb="9">
      <t>ジョウ</t>
    </rPh>
    <phoneticPr fontId="1"/>
  </si>
  <si>
    <t>◎基準条例第16条
1 養護老人ホームは、入所者について、その者が有する能力に応じ自立した日常生活を営むことができるように、その
　心身の状況等に応じて、社会復帰の促進及び自立のために必要な指導及び訓練その他の援助を妥当適切に行わなけれ
　ばならない。
2 入所者の処遇は、処遇計画に基づき、漫然かつ画一的なものとならないよう配慮して、行わなければならない。
3 養護老人ホームの職員は、入所者の処遇に当たっては、懇切丁寧に行うことを旨とし、入所者又はその家族に対し、
　処遇上必要な事項について、理解しやすいように説明を行わなければならない。
4 養護老人ホームは、入所者の処遇に当たっては、当該入所者又は他の入所者等の生命又は身体を保護するため緊急や
　むを得ない場合を除き、身体的拘束その他入所者の行動を制限する行為（以下「身体的拘束等」という。）を行って
　はならない。
5 養護老人ホームは、身体的拘束等を行う場合は、その態様及び時間、その際の入所者の心身の状況並びに緊急やむを
　得ない理由を記録しなければならない。
6 養護老人ホームは、身体的拘束等の適正化を図るため、次に掲げる措置を講じなければならない。
　(1) 身体的拘束等の適正化のための対策を検討する委員会（テレビ電話装置その他の情報通信機器（以下「テレビ電
　　話装置等」という。）を活用して行うことができるものとする。）を3月に1回以上開催するとともに、その結果に
　　ついて、支援員その他の従業者に周知徹底を図ること。
　(2) 身体的拘束等の適正化のための指針を整備すること。
　(3) 支援員その他の従業者に対し、身体的拘束等の適正化のための研修を定期的に実施すること。</t>
    <rPh sb="1" eb="3">
      <t>キジュン</t>
    </rPh>
    <rPh sb="3" eb="5">
      <t>ジョウレイ</t>
    </rPh>
    <phoneticPr fontId="1"/>
  </si>
  <si>
    <t>【身体的拘束等の適正化のための指針】
　指針には次のような項目を盛り込むこと。
　①施設における身体的拘束等適正化に関する基本的考え方
　②身体的拘束適正化検討委員会その他施設内の組織に関する事項
　③身体的拘束等の適正化のための職員研修に関する基本方針
　④施設内で発生した身体的拘束等の報告方法等のための方策に関する基本方針
　⑤身体的拘束等の発生時の対応に関する基本方針
　⑥入所者等に対する当該指針の閲覧に関する基本方針
　⑦その他身体的拘束等の適正化の推進のために必要な基本方針</t>
    <rPh sb="1" eb="4">
      <t>シンタイテキ</t>
    </rPh>
    <rPh sb="4" eb="6">
      <t>コウソク</t>
    </rPh>
    <rPh sb="6" eb="7">
      <t>トウ</t>
    </rPh>
    <rPh sb="8" eb="11">
      <t>テキセイカ</t>
    </rPh>
    <rPh sb="15" eb="17">
      <t>シシン</t>
    </rPh>
    <rPh sb="20" eb="22">
      <t>シシン</t>
    </rPh>
    <rPh sb="24" eb="25">
      <t>ツギ</t>
    </rPh>
    <rPh sb="29" eb="31">
      <t>コウモク</t>
    </rPh>
    <rPh sb="32" eb="33">
      <t>モ</t>
    </rPh>
    <rPh sb="34" eb="35">
      <t>コ</t>
    </rPh>
    <rPh sb="42" eb="44">
      <t>シセツ</t>
    </rPh>
    <rPh sb="48" eb="54">
      <t>シンタイテキコウソクトウ</t>
    </rPh>
    <rPh sb="54" eb="57">
      <t>テキセイカ</t>
    </rPh>
    <rPh sb="58" eb="59">
      <t>カン</t>
    </rPh>
    <rPh sb="61" eb="64">
      <t>キホンテキ</t>
    </rPh>
    <rPh sb="64" eb="65">
      <t>カンガ</t>
    </rPh>
    <rPh sb="66" eb="67">
      <t>カタ</t>
    </rPh>
    <phoneticPr fontId="1"/>
  </si>
  <si>
    <t>◎基準条例第17条
　養護老人ホームは、栄養並びに入所者の心身の状況及び嗜好を考慮した食事を、適切な時間に提供しなければならな
　い。</t>
    <rPh sb="1" eb="5">
      <t>キジュンジョウレイ</t>
    </rPh>
    <phoneticPr fontId="1"/>
  </si>
  <si>
    <t>◎基準条例第18条
1 養護老人ホームは、常に入所者の心身の状況、その置かれている環境等の的確な把握に努め、入所者又はその家族に
　対し、その相談に適切に応じるとともに、必要な助言その他の援助を行わなければならない。
2 養護老人ホームは、入所者に対し、処遇計画に基づき、自立した日常生活を営むために必要な指導及び訓練その他の
　援助を行わなければならない。
3 養護老人ホームは、要介護認定（介護保険法（平成9年法律第123号）第19条第1項に規定する要介護認定をいう。）
　の申請等、入所者が日常生活を営むのに必要な行政機関等に対する手続について、その者又はその家族において行う
　ことが困難である場合は、当該入所者の意思を踏まえて速やかに必要な支援を行わなければならない。
4 養護老人ホームは、常に入所者の家族との連携を図るとともに、入所者とその家族との交流等の機会を確保するよう
　努めなければならない。
5 養護老人ホームは、入所者の外出の機会を確保するよう努めなければならない。
6 養護老人ホームは、入所者に対し、退所後の地域における生活を念頭に置きつつ、自立的な生活に必要な援助を適切
　に行わなければならない。
7 養護老人ホームは、1週間に2回以上、入所者を入浴させ、又は清しきしなければならない。
8 養護老人ホームは、教養娯楽設備等を備えるほか、適宜レクリエーシヨン行事を行わなければならない。</t>
    <rPh sb="1" eb="5">
      <t>キジュンジョウレイ</t>
    </rPh>
    <phoneticPr fontId="1"/>
  </si>
  <si>
    <t>◎基準条例第19条
　養護老人ホームは、入所者が要介護状態等（介護保険法第2条第1項に規定する要介護状態等をいう。）となった場合
　は、その心身の状況、置かれている環境等に応じ、適切に居宅サービス等（同法第23条に規定する居宅サービス等を
　いう。以下同じ。）を受けることができるよう、必要な措置を講じなければならない。</t>
    <rPh sb="1" eb="5">
      <t>キジュンジョウレイ</t>
    </rPh>
    <phoneticPr fontId="1"/>
  </si>
  <si>
    <t>◎基準条例第20条
　養護老人ホームは、入所者について、その入所時及び毎年定期に2回以上健康診断を行わなければならない。
○解釈通知第5-7
・入所者の健康管理に努めること。
・施設が行う入所者に対する健康診断は、各人の身体的状況等を考慮の上「保健事業実施要領」の基本健康診査の検査
　項目に準じて行うこと。
・職員については、労働安全衛生規則又は地方公共団体の実施する方法に従って健康診断を行うこと。
・定期的に調理に従事する職員の検便を行うこと。</t>
    <rPh sb="1" eb="5">
      <t>キジュンジョウレイ</t>
    </rPh>
    <rPh sb="62" eb="64">
      <t>カイシャク</t>
    </rPh>
    <rPh sb="64" eb="66">
      <t>ツウチ</t>
    </rPh>
    <rPh sb="66" eb="67">
      <t>ダイ</t>
    </rPh>
    <rPh sb="72" eb="75">
      <t>ニュウショシャ</t>
    </rPh>
    <rPh sb="76" eb="78">
      <t>ケンコウ</t>
    </rPh>
    <rPh sb="78" eb="80">
      <t>カンリ</t>
    </rPh>
    <rPh sb="81" eb="82">
      <t>ツト</t>
    </rPh>
    <rPh sb="89" eb="91">
      <t>シセツ</t>
    </rPh>
    <rPh sb="92" eb="93">
      <t>オコナ</t>
    </rPh>
    <rPh sb="94" eb="97">
      <t>ニュウショシャ</t>
    </rPh>
    <rPh sb="98" eb="99">
      <t>タイ</t>
    </rPh>
    <rPh sb="101" eb="103">
      <t>ケンコウ</t>
    </rPh>
    <rPh sb="103" eb="105">
      <t>シンダン</t>
    </rPh>
    <rPh sb="107" eb="109">
      <t>カクジン</t>
    </rPh>
    <rPh sb="110" eb="113">
      <t>シンタイテキ</t>
    </rPh>
    <rPh sb="113" eb="115">
      <t>ジョウキョウ</t>
    </rPh>
    <rPh sb="115" eb="116">
      <t>トウ</t>
    </rPh>
    <rPh sb="117" eb="119">
      <t>コウリョ</t>
    </rPh>
    <rPh sb="120" eb="121">
      <t>ウエ</t>
    </rPh>
    <rPh sb="122" eb="124">
      <t>ホケン</t>
    </rPh>
    <rPh sb="124" eb="126">
      <t>ジギョウ</t>
    </rPh>
    <rPh sb="126" eb="128">
      <t>ジッシ</t>
    </rPh>
    <rPh sb="128" eb="130">
      <t>ヨウリョウ</t>
    </rPh>
    <rPh sb="132" eb="134">
      <t>キホン</t>
    </rPh>
    <rPh sb="134" eb="136">
      <t>ケンコウ</t>
    </rPh>
    <rPh sb="136" eb="138">
      <t>シンサ</t>
    </rPh>
    <rPh sb="139" eb="141">
      <t>ケンサ</t>
    </rPh>
    <rPh sb="143" eb="145">
      <t>コウモク</t>
    </rPh>
    <rPh sb="146" eb="147">
      <t>ジュン</t>
    </rPh>
    <rPh sb="149" eb="150">
      <t>オコナ</t>
    </rPh>
    <rPh sb="156" eb="158">
      <t>ショクイン</t>
    </rPh>
    <rPh sb="164" eb="166">
      <t>ロウドウ</t>
    </rPh>
    <rPh sb="166" eb="168">
      <t>アンゼン</t>
    </rPh>
    <rPh sb="168" eb="170">
      <t>エイセイ</t>
    </rPh>
    <rPh sb="170" eb="172">
      <t>キソク</t>
    </rPh>
    <rPh sb="172" eb="173">
      <t>マタ</t>
    </rPh>
    <rPh sb="174" eb="176">
      <t>チホウ</t>
    </rPh>
    <rPh sb="176" eb="178">
      <t>コウキョウ</t>
    </rPh>
    <rPh sb="178" eb="180">
      <t>ダンタイ</t>
    </rPh>
    <rPh sb="181" eb="183">
      <t>ジッシ</t>
    </rPh>
    <rPh sb="185" eb="187">
      <t>ホウホウ</t>
    </rPh>
    <rPh sb="188" eb="189">
      <t>シタガ</t>
    </rPh>
    <rPh sb="191" eb="193">
      <t>ケンコウ</t>
    </rPh>
    <rPh sb="193" eb="195">
      <t>シンダン</t>
    </rPh>
    <rPh sb="196" eb="197">
      <t>オコナ</t>
    </rPh>
    <rPh sb="203" eb="206">
      <t>テイキテキ</t>
    </rPh>
    <rPh sb="207" eb="209">
      <t>チョウリ</t>
    </rPh>
    <rPh sb="210" eb="212">
      <t>ジュウジ</t>
    </rPh>
    <rPh sb="214" eb="216">
      <t>ショクイン</t>
    </rPh>
    <rPh sb="217" eb="219">
      <t>ケンベン</t>
    </rPh>
    <rPh sb="220" eb="221">
      <t>オコナ</t>
    </rPh>
    <phoneticPr fontId="1"/>
  </si>
  <si>
    <r>
      <t>◎基準条例第23条
1 養護老人ホームは、入所者に対し、適切な処遇を行うことができるよう、職員の勤務体制を定めておかなければなら
　ない。
2 前項の職員の勤務体制を定めるに当たっては、入所者が安心して日常生活を送るために継続性を重視した処遇を行う
　ことができるよう配慮しなければならない。
3 養護老人ホームは、職員に対し、その資質の向上のための研修の機会を確保しなければならない。その際、当該養護
　老人ホームは、全ての職員（看護師、准看護師、介護福祉士、介護支援専門員、介護保険法第8条第2項に規定する政
　令で定める者等の資格を有する者その他これに類する者を除く。）に対し、認知症介護に係る基礎的な研修を受講さ
　せるために必要な措置を講じなければならない。　</t>
    </r>
    <r>
      <rPr>
        <u/>
        <sz val="8"/>
        <rFont val="HGｺﾞｼｯｸM"/>
        <family val="3"/>
        <charset val="128"/>
      </rPr>
      <t>※令和6年3月31日まで努力義務</t>
    </r>
    <r>
      <rPr>
        <sz val="8"/>
        <rFont val="HGｺﾞｼｯｸM"/>
        <family val="3"/>
        <charset val="128"/>
      </rPr>
      <t xml:space="preserve">
4 養護老人ホームは、適切なサービスの提供を確保する観点から、職場において行われる性的な言動又は優越的な関係
　を背景とした言動であって業務上必要かつ相当な範囲を超えたものにより職員の就業環境が害されることを防止する
　ための方針の明確化等の必要な措置を講じなければならない。</t>
    </r>
    <rPh sb="1" eb="3">
      <t>キジュン</t>
    </rPh>
    <rPh sb="3" eb="5">
      <t>ジョウレイ</t>
    </rPh>
    <phoneticPr fontId="1"/>
  </si>
  <si>
    <r>
      <t>◎基準条例第23条の2　</t>
    </r>
    <r>
      <rPr>
        <u/>
        <sz val="8"/>
        <rFont val="HGｺﾞｼｯｸM"/>
        <family val="3"/>
        <charset val="128"/>
      </rPr>
      <t>※令和6年3月31日まで努力義務</t>
    </r>
    <r>
      <rPr>
        <sz val="8"/>
        <rFont val="HGｺﾞｼｯｸM"/>
        <family val="3"/>
        <charset val="128"/>
      </rPr>
      <t xml:space="preserve">
1 養護老人ホームは、感染症や非常災害の発生時において、入所者に対する処遇を継続的に行い、非常時の体制で早期
　の業務再開を図るための計画（以下「業務継続計画」という。）を策定し、当該業務継続計画に従い必要な措置を講
　じなければならない。
2 養護老人ホームは、職員に対し、業務継続計画について周知するとともに、必要な研修及び訓練を定期的に実施しな
　ければならない。
3 養護老人ホームは、定期的に業務継続計画の見直しを行い、必要に応じて業務継続計画の変更を行うものとする。</t>
    </r>
    <rPh sb="1" eb="5">
      <t>キジュンジョウレイ</t>
    </rPh>
    <phoneticPr fontId="1"/>
  </si>
  <si>
    <r>
      <t>◎基準条例第24条
1 養護老人ホームは、入所者の使用する食器その他の設備又は飲用に供する水について、衛生的な管理に努め、又は衛
　生上必要な措置を講ずるとともに、医薬品及び医療機器の管理を適正に行わなければならない。
2 養護老人ホームは、当該養護老人ホームにおいて感染症又は食中毒が発生し、又はまん延しないように、次の各号に
　掲げる措置を講じなければならない。
　(1) 当該養護老人ホームにおける感染症及び食中毒の予防及びまん延の防止のための対策を検討する委員会（テレビ
　　電話装置等を活用して行うことができるものとする。）をおおむね3月に1回以上開催するとともに、その結果につ
　　いて、支援員その他の職員に周知徹底を図ること。
　(2) 当該養護老人ホームにおける感染症及び食中毒の予防及びまん延の防止のための指針を整備すること。
　(3) 当該養護老人ホームにおいて、支援員その他の職員に対し、感染症及び食中毒の予防及びまん延の防止のための
　　研修並びに感染症の予防及びまん延の防止のための訓練を定期的に実施すること。
　　</t>
    </r>
    <r>
      <rPr>
        <u/>
        <sz val="8"/>
        <rFont val="HGｺﾞｼｯｸM"/>
        <family val="3"/>
        <charset val="128"/>
      </rPr>
      <t>※感染症の予防及びまん延の防止のための訓練は、令和6年3月31日まで努力義務</t>
    </r>
    <r>
      <rPr>
        <sz val="8"/>
        <rFont val="HGｺﾞｼｯｸM"/>
        <family val="3"/>
        <charset val="128"/>
      </rPr>
      <t xml:space="preserve">
　(4) 前3号に掲げるもののほか、厚生労働大臣が定める感染症又は食中毒の発生が疑われる際の対処等に関する手順
　　に沿った対応を行うこと。</t>
    </r>
    <rPh sb="1" eb="5">
      <t>キジュンジョウレイ</t>
    </rPh>
    <phoneticPr fontId="1"/>
  </si>
  <si>
    <t>◎基準条例第25条
1 養護老人ホームは、入院治療を必要とする入所者のために、あらかじめ協力病院を定めておかなければならない。
2 養護老人ホームは、あらかじめ協力歯科医療機関を定めておくよう努めなければならない。</t>
    <rPh sb="1" eb="5">
      <t>キジュンジョウレイ</t>
    </rPh>
    <phoneticPr fontId="1"/>
  </si>
  <si>
    <t>◎基準条例第28条
1 養護老人ホームは、その運営に当たっては、地域住民又はその自発的な活動等との連携及び協力を行う等の地域との
　交流を図らなければならない。
2 養護老人ホームは、その運営に当たっては、その措置に関する入所者からの苦情に関して、市等が派遣する者が相談
　及び援助を行う事業その他の市が実施する事業に協力するよう努めなければならない。</t>
    <rPh sb="1" eb="5">
      <t>キジュンジョウレイ</t>
    </rPh>
    <phoneticPr fontId="1"/>
  </si>
  <si>
    <t>◎基準条例第29条
1 養護老人ホームは、事故の発生又はその再発を防止するため、次の各号に定める措置を講じなければならない。
　(1) 事故が発生した場合の対応、次号に規定する報告の方法等が記載された事故発生の防止のための指針を整備する
　　こと。
　(2) 事故が発生した場合又はそれに至る危険性がある事態が生じた場合に、当該事実が報告され、その分析を通した
　　改善策について、職員に周知徹底する体制を整備すること。
　(3) 事故発生の防止のための委員会（テレビ電話装置等を活用して行うことができるものとする。）及び支援員その
　　他の職員に対する研修を定期的に行うこと。
　(4) 前3号に掲げる措置を適切に実施するための担当者を置くこと。
2 養護老人ホームは、入所者に対する処遇により事故が発生した場合は、速やかに市、入所者の家族等に連絡を行うと
　ともに、必要な措置を講じなければならない。
3 養護老人ホームは、前項の事故の状況及び事故に際して採った処置について記録しなければならない。
4 養護老人ホームは、入所者に対する処遇により賠償すべき事故が発生した場合は、損害賠償を速やかに行わなければ
　ならない。</t>
    <rPh sb="1" eb="3">
      <t>キジュン</t>
    </rPh>
    <rPh sb="3" eb="5">
      <t>ジョウレイ</t>
    </rPh>
    <phoneticPr fontId="1"/>
  </si>
  <si>
    <r>
      <t>◎基準条例第30条　</t>
    </r>
    <r>
      <rPr>
        <u/>
        <sz val="8"/>
        <rFont val="HGｺﾞｼｯｸM"/>
        <family val="3"/>
        <charset val="128"/>
      </rPr>
      <t>※令和6年3月31日まで努力義務</t>
    </r>
    <r>
      <rPr>
        <sz val="8"/>
        <rFont val="HGｺﾞｼｯｸM"/>
        <family val="3"/>
        <charset val="128"/>
      </rPr>
      <t xml:space="preserve">
　養護老人ホームは、虐待の発生又はその再発を防止するため、次の各号に掲げる措置を講じなければならない。
　(1) 当該養護老人ホームにおける虐待の防止のための対策を検討する委員会（テレビ電話装置等を活用して行うこと
　　ができるものとする。）を定期的に開催するとともに、その結果について、職員に周知徹底を図ること。
　(2) 当該養護老人ホームにおける虐待の防止のための指針を整備すること。
　(3) 当該養護老人ホームにおいて、職員に対し、虐待の防止のための研修を定期的に実施すること。
　(4) 前3号に掲げる措置を適切に実施するための担当者を置くこと。</t>
    </r>
    <rPh sb="1" eb="3">
      <t>キジュン</t>
    </rPh>
    <rPh sb="3" eb="5">
      <t>ジョウレイ</t>
    </rPh>
    <phoneticPr fontId="1"/>
  </si>
  <si>
    <t>◎基準条例第21条
1 養護老人ホームの施設長は、養護老人ホームの職員の管理、業務の実施状況の把握その他の管理を一元的に行わなけ
　ればならない。
2 養護老人ホームの施設長は、職員に第7条から第9条まで、第14条から前条まで及び次条から第30条までの規定を遵守
　させるために必要な指揮命令を行うものとする。</t>
    <phoneticPr fontId="1"/>
  </si>
  <si>
    <t>◎社会福祉法施行規則（昭和26年厚生省令第28号）第1条の2
　社会福祉法（昭和二十六年法律第四十五号。以下「法」という。）第十九条第一項第五号に規定する厚生労働省令で
　定める者は、次のとおりとする。
　一　精神保健福祉士
　二　学校教育法（昭和二十二年法律第二十六号）に基づく大学において、法第十九条第一項第一号に規定する厚生労
　　働大臣の指定する社会福祉に関する科目を修めて、学校教育法第百二条第二項の規定により大学院への入学を認め
　　られた者
○解釈通知第1-4
【同等以上の能力を有すると認められる者】
　社会福祉施設等に勤務し又は勤務したことのある者等であって、その者の実績等から一般的に、養護老人ホームを適
　切に管理運営する能力を有すると認められる者
○昭和53年2月20日付け社庶第13号厚生省社会・児童家庭局長連名通知「社会福祉施設の長の資格要件について」
・「施設長資格認定講習会」の課程を修了した者を、当該要件を具備する者とする。</t>
    <phoneticPr fontId="1"/>
  </si>
  <si>
    <t>人</t>
    <rPh sb="0" eb="1">
      <t>ニン</t>
    </rPh>
    <phoneticPr fontId="1"/>
  </si>
  <si>
    <t>○解釈通知別表</t>
    <rPh sb="1" eb="3">
      <t>カイシャク</t>
    </rPh>
    <rPh sb="3" eb="5">
      <t>ツウチ</t>
    </rPh>
    <rPh sb="5" eb="7">
      <t>ベッピョウ</t>
    </rPh>
    <phoneticPr fontId="1"/>
  </si>
  <si>
    <t>養護老人ホーム等職員配置表</t>
    <rPh sb="0" eb="2">
      <t>ヨウゴ</t>
    </rPh>
    <rPh sb="2" eb="4">
      <t>ロウジン</t>
    </rPh>
    <rPh sb="7" eb="8">
      <t>トウ</t>
    </rPh>
    <rPh sb="8" eb="10">
      <t>ショクイン</t>
    </rPh>
    <rPh sb="10" eb="12">
      <t>ハイチ</t>
    </rPh>
    <rPh sb="12" eb="13">
      <t>ヒョウ</t>
    </rPh>
    <phoneticPr fontId="1"/>
  </si>
  <si>
    <t>１　養護老人ホーム</t>
    <rPh sb="2" eb="4">
      <t>ヨウゴ</t>
    </rPh>
    <rPh sb="4" eb="6">
      <t>ロウジン</t>
    </rPh>
    <phoneticPr fontId="1"/>
  </si>
  <si>
    <t>①共通職員分</t>
    <rPh sb="1" eb="3">
      <t>キョウツウ</t>
    </rPh>
    <rPh sb="3" eb="5">
      <t>ショクイン</t>
    </rPh>
    <rPh sb="5" eb="6">
      <t>ブン</t>
    </rPh>
    <phoneticPr fontId="1"/>
  </si>
  <si>
    <t>看護職員</t>
    <rPh sb="0" eb="2">
      <t>カンゴ</t>
    </rPh>
    <rPh sb="2" eb="4">
      <t>ショクイン</t>
    </rPh>
    <phoneticPr fontId="1"/>
  </si>
  <si>
    <t>支援員</t>
    <rPh sb="0" eb="2">
      <t>シエン</t>
    </rPh>
    <rPh sb="2" eb="3">
      <t>イン</t>
    </rPh>
    <phoneticPr fontId="1"/>
  </si>
  <si>
    <t>職員
その他の</t>
    <rPh sb="5" eb="6">
      <t>タ</t>
    </rPh>
    <phoneticPr fontId="1"/>
  </si>
  <si>
    <t>相談員
主任生活</t>
    <rPh sb="0" eb="3">
      <t>ソウダンイン</t>
    </rPh>
    <rPh sb="4" eb="6">
      <t>シュニン</t>
    </rPh>
    <rPh sb="6" eb="8">
      <t>セイカツ</t>
    </rPh>
    <phoneticPr fontId="1"/>
  </si>
  <si>
    <t>相談員
生活</t>
    <rPh sb="0" eb="3">
      <t>ソウダンイン</t>
    </rPh>
    <phoneticPr fontId="1"/>
  </si>
  <si>
    <t>支援員
主任</t>
    <rPh sb="0" eb="2">
      <t>シエン</t>
    </rPh>
    <rPh sb="2" eb="3">
      <t>イン</t>
    </rPh>
    <phoneticPr fontId="1"/>
  </si>
  <si>
    <t>②特定施設の指定を受けて
　いない場合</t>
    <rPh sb="1" eb="3">
      <t>トクテイ</t>
    </rPh>
    <rPh sb="3" eb="5">
      <t>シセツ</t>
    </rPh>
    <rPh sb="6" eb="8">
      <t>シテイ</t>
    </rPh>
    <rPh sb="9" eb="10">
      <t>ウ</t>
    </rPh>
    <rPh sb="17" eb="19">
      <t>バアイ</t>
    </rPh>
    <phoneticPr fontId="1"/>
  </si>
  <si>
    <t>③特定施設の指定を受けている場合</t>
    <rPh sb="1" eb="3">
      <t>トクテイ</t>
    </rPh>
    <rPh sb="3" eb="5">
      <t>シセツ</t>
    </rPh>
    <rPh sb="6" eb="8">
      <t>シテイ</t>
    </rPh>
    <rPh sb="9" eb="10">
      <t>ウ</t>
    </rPh>
    <rPh sb="14" eb="16">
      <t>バアイ</t>
    </rPh>
    <phoneticPr fontId="1"/>
  </si>
  <si>
    <t>（養護老人ホームの実情に応じた適当数）</t>
    <rPh sb="1" eb="3">
      <t>ヨウゴ</t>
    </rPh>
    <rPh sb="3" eb="5">
      <t>ロウジン</t>
    </rPh>
    <rPh sb="9" eb="11">
      <t>ジツジョウ</t>
    </rPh>
    <rPh sb="12" eb="13">
      <t>オウ</t>
    </rPh>
    <rPh sb="15" eb="17">
      <t>テキトウ</t>
    </rPh>
    <rPh sb="17" eb="18">
      <t>スウ</t>
    </rPh>
    <phoneticPr fontId="1"/>
  </si>
  <si>
    <t>（入所者に対し健康管理及び療養上の指導を行うために必要な数）</t>
    <rPh sb="1" eb="4">
      <t>ニュウショシャ</t>
    </rPh>
    <rPh sb="5" eb="6">
      <t>タイ</t>
    </rPh>
    <rPh sb="7" eb="9">
      <t>ケンコウ</t>
    </rPh>
    <rPh sb="9" eb="11">
      <t>カンリ</t>
    </rPh>
    <rPh sb="11" eb="12">
      <t>オヨ</t>
    </rPh>
    <rPh sb="13" eb="15">
      <t>リョウヨウ</t>
    </rPh>
    <rPh sb="15" eb="16">
      <t>ジョウ</t>
    </rPh>
    <rPh sb="17" eb="19">
      <t>シドウ</t>
    </rPh>
    <rPh sb="20" eb="21">
      <t>オコナ</t>
    </rPh>
    <rPh sb="25" eb="27">
      <t>ヒツヨウ</t>
    </rPh>
    <rPh sb="28" eb="29">
      <t>カズ</t>
    </rPh>
    <phoneticPr fontId="1"/>
  </si>
  <si>
    <t>　 職種
入所者</t>
    <rPh sb="2" eb="4">
      <t>ショクシュ</t>
    </rPh>
    <rPh sb="7" eb="10">
      <t>ニュウショシャ</t>
    </rPh>
    <phoneticPr fontId="1"/>
  </si>
  <si>
    <t>　 職種
一般
入所者</t>
    <rPh sb="2" eb="4">
      <t>ショクシュ</t>
    </rPh>
    <rPh sb="6" eb="8">
      <t>イッパン</t>
    </rPh>
    <rPh sb="9" eb="12">
      <t>ニュウショシャ</t>
    </rPh>
    <phoneticPr fontId="1"/>
  </si>
  <si>
    <t>◎基準条例第22条
1 生活相談員は、処遇計画を作成し、それに沿った支援が行われるよう必要な調整を行うほか、次に掲げる業務を行わ
　なければならない。
　(1) 入所者の居宅サービス等の利用に際し、介護保険法第8条第24項に規定する居宅サービス計画又は同法第8条の2
　　第16項に規定する介護予防サービス計画の作成等に資するため、同法第8条第24項に規定する居宅介護支援事業又
　　は同法第8条の2第16項に規定する介護予防支援事業を行う者と密接な連携を図るほか、居宅サービス等その他の保
　　健医療サービス又は福祉サービスを提供する者との連携に努めること。
　(2) 第27条第2項に規定する苦情の内容等の記録を行うこと。
　(3) 第29条第3項に規定する事故の状況及び事故に際して採った措置についての記録を行うこと。
2 主任生活相談員は、前項に規定する業務のほか、養護老人ホームへの入所に際しての調整、他の生活相談員に対する
　技術指導等の内容の管理を行うものとする。
3 指定特定施設入居者生活介護、指定地域密着型特定施設入居者生活介護又は指定介護予防特定施設入居者生活介護を
　行う養護老人ホームであって、第12条第1項第3号の規定に基づく生活相談員を置いていない場合にあっては、主任支
　援員が前2項に掲げる業務を行うものとする。</t>
    <rPh sb="1" eb="5">
      <t>キジュンジョウレイ</t>
    </rPh>
    <phoneticPr fontId="1"/>
  </si>
  <si>
    <t>○解釈通知第5-8
・生活相談員は、第15条の業務のほか、処遇計画に則った支援が行われるよう、必要に応じ、当該施設の職員の業務に
　ついて調整を行うとともに、施設外の保健福祉サービスを行う者や市町村等、必要な機関との調整を行うことを基本
　とし、その上で第1項各号に掲げる業務を行うものである。
・主任生活相談員は、相談援助に係る業務について経験を有する生活相談員等が行うものであり、他の生活相談員の業
　務に対する指導的役割を担うものである。</t>
    <rPh sb="1" eb="3">
      <t>カイシャク</t>
    </rPh>
    <rPh sb="3" eb="5">
      <t>ツウチ</t>
    </rPh>
    <rPh sb="5" eb="6">
      <t>ダイ</t>
    </rPh>
    <rPh sb="11" eb="13">
      <t>セイカツ</t>
    </rPh>
    <rPh sb="13" eb="16">
      <t>ソウダンイン</t>
    </rPh>
    <rPh sb="18" eb="19">
      <t>ダイ</t>
    </rPh>
    <rPh sb="21" eb="22">
      <t>ジョウ</t>
    </rPh>
    <rPh sb="23" eb="25">
      <t>ギョウム</t>
    </rPh>
    <rPh sb="29" eb="31">
      <t>ショグウ</t>
    </rPh>
    <rPh sb="31" eb="33">
      <t>ケイカク</t>
    </rPh>
    <rPh sb="34" eb="35">
      <t>ノット</t>
    </rPh>
    <rPh sb="37" eb="39">
      <t>シエン</t>
    </rPh>
    <rPh sb="40" eb="41">
      <t>オコナ</t>
    </rPh>
    <rPh sb="47" eb="49">
      <t>ヒツヨウ</t>
    </rPh>
    <rPh sb="50" eb="51">
      <t>オウ</t>
    </rPh>
    <rPh sb="53" eb="55">
      <t>トウガイ</t>
    </rPh>
    <rPh sb="55" eb="57">
      <t>シセツ</t>
    </rPh>
    <rPh sb="58" eb="60">
      <t>ショクイン</t>
    </rPh>
    <rPh sb="61" eb="63">
      <t>ギョウム</t>
    </rPh>
    <rPh sb="69" eb="71">
      <t>チョウセイ</t>
    </rPh>
    <rPh sb="72" eb="73">
      <t>オコナ</t>
    </rPh>
    <rPh sb="79" eb="82">
      <t>シセツガイ</t>
    </rPh>
    <rPh sb="83" eb="85">
      <t>ホケン</t>
    </rPh>
    <rPh sb="85" eb="87">
      <t>フクシ</t>
    </rPh>
    <rPh sb="92" eb="93">
      <t>オコナ</t>
    </rPh>
    <rPh sb="94" eb="95">
      <t>モノ</t>
    </rPh>
    <rPh sb="96" eb="99">
      <t>シチョウソン</t>
    </rPh>
    <rPh sb="99" eb="100">
      <t>トウ</t>
    </rPh>
    <rPh sb="101" eb="103">
      <t>ヒツヨウ</t>
    </rPh>
    <rPh sb="104" eb="106">
      <t>キカン</t>
    </rPh>
    <rPh sb="108" eb="110">
      <t>チョウセイ</t>
    </rPh>
    <rPh sb="111" eb="112">
      <t>オコナ</t>
    </rPh>
    <rPh sb="116" eb="118">
      <t>キホン</t>
    </rPh>
    <rPh sb="125" eb="126">
      <t>ウエ</t>
    </rPh>
    <rPh sb="127" eb="128">
      <t>ダイ</t>
    </rPh>
    <rPh sb="129" eb="130">
      <t>コウ</t>
    </rPh>
    <rPh sb="130" eb="132">
      <t>カクゴウ</t>
    </rPh>
    <rPh sb="133" eb="134">
      <t>カカ</t>
    </rPh>
    <rPh sb="136" eb="138">
      <t>ギョウム</t>
    </rPh>
    <rPh sb="139" eb="140">
      <t>オコナ</t>
    </rPh>
    <rPh sb="149" eb="156">
      <t>シュニンセイカツソウダンイン</t>
    </rPh>
    <rPh sb="158" eb="160">
      <t>ソウダン</t>
    </rPh>
    <rPh sb="160" eb="162">
      <t>エンジョ</t>
    </rPh>
    <rPh sb="163" eb="164">
      <t>カカ</t>
    </rPh>
    <rPh sb="165" eb="167">
      <t>ギョウム</t>
    </rPh>
    <rPh sb="171" eb="173">
      <t>ケイケン</t>
    </rPh>
    <rPh sb="174" eb="175">
      <t>ユウ</t>
    </rPh>
    <rPh sb="177" eb="179">
      <t>セイカツ</t>
    </rPh>
    <rPh sb="179" eb="182">
      <t>ソウダンイン</t>
    </rPh>
    <rPh sb="182" eb="183">
      <t>トウ</t>
    </rPh>
    <rPh sb="184" eb="185">
      <t>オコナ</t>
    </rPh>
    <rPh sb="192" eb="193">
      <t>タ</t>
    </rPh>
    <rPh sb="194" eb="196">
      <t>セイカツ</t>
    </rPh>
    <rPh sb="196" eb="199">
      <t>ソウダンイン</t>
    </rPh>
    <rPh sb="205" eb="206">
      <t>タイ</t>
    </rPh>
    <rPh sb="208" eb="211">
      <t>シドウテキ</t>
    </rPh>
    <rPh sb="211" eb="213">
      <t>ヤクワリ</t>
    </rPh>
    <rPh sb="214" eb="215">
      <t>ニナ</t>
    </rPh>
    <phoneticPr fontId="1"/>
  </si>
  <si>
    <t>◎基準条例第5条第2項
　生活相談員は、社会福祉法第19条第1項各号のいずれかに該当する者又はこれと同等以上の能力を有すると認められ
　る者でなければならない。
◎社会福祉法第19条第1項各号
　一　学校教育法（昭和二十二年法律第二十六号）に基づく大学、旧大学令（大正七年勅令第三百八十八号）に基づく
　　大学、旧高等学校令（大正七年勅令第三百八十九号）に基づく高等学校又は旧専門学校令（明治三十六年勅令第六
　　十一号）に基づく専門学校において、厚生労働大臣の指定する社会福祉に関する科目を修めて卒業した者（当該科
　　目を修めて同法に基づく専門職大学の前期課程を修了した者を含む。）
　二　都道府県知事の指定する養成機関又は講習会の課程を修了した者
　三　社会福祉士
　四　厚生労働大臣の指定する社会福祉事業従事者試験に合格した者
　五　前各号に掲げる者と同等以上の能力を有すると認められる者として厚生労働省令で定めるもの
◎社会福祉法施行規則（昭和26年厚生省令第28号）第1条の2
　社会福祉法（昭和二十六年法律第四十五号。以下「法」という。）第十九条第一項第五号に規定する厚生労働省令で
　定める者は、次のとおりとする。
　一　精神保健福祉士
　二　学校教育法（昭和二十二年法律第二十六号）に基づく大学において、法第十九条第一項第一号に規定する厚生労
　　働大臣の指定する社会福祉に関する科目を修めて、学校教育法第百二条第二項の規定により大学院への入学を認め
　　られた者
○解釈通知第1-4
【同等以上の能力を有すると認められる者】
　社会福祉施設等に勤務し又は勤務したことのある者等であって、その者の実績等から一般的に、入所者の生活の向上
　を図るため適切な相談、援助等を行う能力を有すると認められる者</t>
    <rPh sb="1" eb="3">
      <t>キジュン</t>
    </rPh>
    <rPh sb="3" eb="5">
      <t>ジョウレイ</t>
    </rPh>
    <rPh sb="5" eb="6">
      <t>ダイ</t>
    </rPh>
    <rPh sb="7" eb="8">
      <t>ジョウ</t>
    </rPh>
    <rPh sb="8" eb="9">
      <t>ダイ</t>
    </rPh>
    <rPh sb="10" eb="11">
      <t>コウ</t>
    </rPh>
    <phoneticPr fontId="1"/>
  </si>
  <si>
    <t>○解釈通知第3-1-(5)
・第11項の取扱いに当たっては、「社会福祉施設における防火安全対策の強化について」（昭和62年9月18日社施第107
　号）及び「社会福祉施設における宿直勤務の取扱いについて」（昭和49年8月20日社施第160号）に準じて適切に行う
　こと。</t>
    <rPh sb="1" eb="3">
      <t>カイシャク</t>
    </rPh>
    <rPh sb="3" eb="5">
      <t>ツウチ</t>
    </rPh>
    <rPh sb="5" eb="6">
      <t>ダイ</t>
    </rPh>
    <rPh sb="31" eb="35">
      <t>シャカイフクシ</t>
    </rPh>
    <rPh sb="35" eb="37">
      <t>シセツ</t>
    </rPh>
    <rPh sb="41" eb="43">
      <t>ボウカ</t>
    </rPh>
    <rPh sb="43" eb="45">
      <t>アンゼン</t>
    </rPh>
    <rPh sb="45" eb="47">
      <t>タイサク</t>
    </rPh>
    <rPh sb="48" eb="50">
      <t>キョウカ</t>
    </rPh>
    <rPh sb="56" eb="58">
      <t>ショウワ</t>
    </rPh>
    <rPh sb="60" eb="61">
      <t>ネン</t>
    </rPh>
    <rPh sb="62" eb="63">
      <t>ガツ</t>
    </rPh>
    <rPh sb="65" eb="66">
      <t>ニチ</t>
    </rPh>
    <phoneticPr fontId="1"/>
  </si>
  <si>
    <t>◎基準条例第12条第11項
　夜間及び深夜の時間帯を通じて1人以上の職員に宿直勤務又は夜間及び深夜の勤務（宿直勤務を除く。）を行わせな
　ければならない。</t>
    <rPh sb="1" eb="3">
      <t>キジュン</t>
    </rPh>
    <rPh sb="3" eb="5">
      <t>ジョウレイ</t>
    </rPh>
    <rPh sb="9" eb="10">
      <t>ダイ</t>
    </rPh>
    <rPh sb="12" eb="13">
      <t>コウ</t>
    </rPh>
    <phoneticPr fontId="1"/>
  </si>
  <si>
    <t>◎基準条例第12条第1項
　養護老人ホームには、次の各号に掲げる職員を置かなければならない。ただし、特別養護老人ホームに併設する入所
　定員50人未満の養護老人ホーム（併設する特別養護老人ホームの栄養士との連携を図ることにより当該養護老人ホー
　ムの効果的な運営を期待することができ、かつ、入所者の処遇に支障がないものに限る。）にあっては第6号の栄養
　士を、調理業務の全部を委託する養護老人ホームにあっては第7号の調理員を置かないことができる。
　(1) 施設長　1人
　(2) 医師　入所者に対し健康管理及び療養上の指導を行うために必要な数
　(3) 生活相談員
　　ア　常勤換算方法で、入所者が30人又はその端数を増すごとに1人以上とすること。
　　イ　生活相談員のうち入所者が100人又はその端数を増すごとに1人以上を主任生活相談員とすること。
　(4) 支援員</t>
    <rPh sb="1" eb="3">
      <t>キジュン</t>
    </rPh>
    <rPh sb="3" eb="5">
      <t>ジョウレイ</t>
    </rPh>
    <rPh sb="9" eb="10">
      <t>ダイ</t>
    </rPh>
    <rPh sb="11" eb="12">
      <t>コウ</t>
    </rPh>
    <phoneticPr fontId="1"/>
  </si>
  <si>
    <t>○解釈通知第5-9-(1)（第1項関係）
・養護老人ホームごとに、原則として月ごとに勤務表を作成し、職員の日々の勤務時間、常勤・非常勤の別、生活相談
　員及び支援員等の配置、施設長との兼務関係等を明確にすること。</t>
    <rPh sb="1" eb="3">
      <t>カイシャク</t>
    </rPh>
    <rPh sb="3" eb="5">
      <t>ツウチ</t>
    </rPh>
    <rPh sb="5" eb="6">
      <t>ダイ</t>
    </rPh>
    <rPh sb="14" eb="15">
      <t>ダイ</t>
    </rPh>
    <rPh sb="16" eb="17">
      <t>コウ</t>
    </rPh>
    <rPh sb="17" eb="19">
      <t>カンケイ</t>
    </rPh>
    <rPh sb="33" eb="35">
      <t>ゲンソク</t>
    </rPh>
    <rPh sb="38" eb="39">
      <t>ツキ</t>
    </rPh>
    <rPh sb="42" eb="44">
      <t>キンム</t>
    </rPh>
    <rPh sb="44" eb="45">
      <t>ヒョウ</t>
    </rPh>
    <rPh sb="46" eb="48">
      <t>サクセイ</t>
    </rPh>
    <rPh sb="50" eb="52">
      <t>ショクイン</t>
    </rPh>
    <rPh sb="53" eb="55">
      <t>ヒビ</t>
    </rPh>
    <rPh sb="56" eb="58">
      <t>キンム</t>
    </rPh>
    <rPh sb="58" eb="60">
      <t>ジカン</t>
    </rPh>
    <rPh sb="61" eb="63">
      <t>ジョウキン</t>
    </rPh>
    <rPh sb="64" eb="67">
      <t>ヒジョウキン</t>
    </rPh>
    <rPh sb="68" eb="69">
      <t>ベツ</t>
    </rPh>
    <rPh sb="70" eb="72">
      <t>セイカツ</t>
    </rPh>
    <rPh sb="77" eb="78">
      <t>オヨ</t>
    </rPh>
    <rPh sb="79" eb="81">
      <t>シエン</t>
    </rPh>
    <rPh sb="81" eb="82">
      <t>イン</t>
    </rPh>
    <rPh sb="82" eb="83">
      <t>トウ</t>
    </rPh>
    <rPh sb="84" eb="86">
      <t>ハイチ</t>
    </rPh>
    <rPh sb="87" eb="89">
      <t>シセツ</t>
    </rPh>
    <rPh sb="89" eb="90">
      <t>チョウ</t>
    </rPh>
    <rPh sb="92" eb="94">
      <t>ケンム</t>
    </rPh>
    <rPh sb="94" eb="96">
      <t>カンケイ</t>
    </rPh>
    <rPh sb="96" eb="97">
      <t>トウ</t>
    </rPh>
    <rPh sb="98" eb="100">
      <t>メイカク</t>
    </rPh>
    <phoneticPr fontId="1"/>
  </si>
  <si>
    <t>○解釈通知第5-9-(2)（第2項関係）
・職員の勤務体制を定めるに当たっては、第16条第1項の処遇の方針を踏まえ、可能な限り継続性を重視し、個別ケア
　の視点に立った処遇を行わなければならないこと。</t>
    <rPh sb="1" eb="3">
      <t>カイシャク</t>
    </rPh>
    <rPh sb="3" eb="5">
      <t>ツウチ</t>
    </rPh>
    <rPh sb="5" eb="6">
      <t>ダイ</t>
    </rPh>
    <rPh sb="22" eb="24">
      <t>ショクイン</t>
    </rPh>
    <rPh sb="25" eb="27">
      <t>キンム</t>
    </rPh>
    <rPh sb="27" eb="29">
      <t>タイセイ</t>
    </rPh>
    <rPh sb="30" eb="31">
      <t>サダ</t>
    </rPh>
    <rPh sb="34" eb="35">
      <t>ア</t>
    </rPh>
    <rPh sb="40" eb="41">
      <t>ダイ</t>
    </rPh>
    <rPh sb="43" eb="44">
      <t>ジョウ</t>
    </rPh>
    <rPh sb="44" eb="45">
      <t>ダイ</t>
    </rPh>
    <rPh sb="46" eb="47">
      <t>コウ</t>
    </rPh>
    <rPh sb="48" eb="50">
      <t>ショグウ</t>
    </rPh>
    <rPh sb="51" eb="53">
      <t>ホウシン</t>
    </rPh>
    <rPh sb="54" eb="55">
      <t>フ</t>
    </rPh>
    <rPh sb="58" eb="60">
      <t>カノウ</t>
    </rPh>
    <rPh sb="61" eb="62">
      <t>カギ</t>
    </rPh>
    <rPh sb="63" eb="66">
      <t>ケイゾクセイ</t>
    </rPh>
    <rPh sb="67" eb="69">
      <t>ジュウシ</t>
    </rPh>
    <rPh sb="71" eb="73">
      <t>コベツ</t>
    </rPh>
    <rPh sb="78" eb="80">
      <t>シテン</t>
    </rPh>
    <rPh sb="81" eb="82">
      <t>タ</t>
    </rPh>
    <rPh sb="84" eb="86">
      <t>ショグウ</t>
    </rPh>
    <rPh sb="87" eb="88">
      <t>オコナ</t>
    </rPh>
    <phoneticPr fontId="1"/>
  </si>
  <si>
    <t>【研修関係】
・研修の内容は、感染症及び災害に係る業務継続計画の具体的内容を職員間に共有するとともに、平常時の対応の必要
　性や、緊急時の対応に係る理解の励行を行うものとする。
・職員教育を組織的に浸透させていくために、定期的（年2回以上）な教育を開催するとともに、新規採用時には別に
　研修を実施すること。
・研修の実施内容についても記録すること。
・感染症の予防及びまん延の防止のための研修と一体的に実施することも差し支えない。</t>
    <rPh sb="1" eb="3">
      <t>ケンシュウ</t>
    </rPh>
    <rPh sb="3" eb="5">
      <t>カンケイ</t>
    </rPh>
    <rPh sb="156" eb="158">
      <t>ケンシュウ</t>
    </rPh>
    <rPh sb="159" eb="161">
      <t>ジッシ</t>
    </rPh>
    <rPh sb="161" eb="163">
      <t>ナイヨウ</t>
    </rPh>
    <rPh sb="168" eb="170">
      <t>キロク</t>
    </rPh>
    <phoneticPr fontId="1"/>
  </si>
  <si>
    <t>○解釈通知第5-11-(1)（第1項関係）
　次の点に留意すること。
　①水道法の適用されない小規模の水道についても、市営水道、専用水道等の場合と同様、水質検査、塩素消毒法等衛
　　生上必要な措置を講じること。
　②常に施設内外を清潔に保つとともに、毎年1回以上大掃除を行うこと。
　③食中毒及び感染症の発生を防止するための措置等について、必要に応じて保健所の助言、指導を求めるとともに、
　　常に密接な連携を保つこと。
　④特にインフルエンザ対策、腸管出血性大腸菌感染症対策、レジオネラ症対策等については、その発生及びまん延を
　　防止するための措置について、別途通知等が発出されているので、これに基づき、適切な措置を講じること。
　⑤定期的に、調理に従事する者の検便を行うこと。</t>
    <rPh sb="1" eb="3">
      <t>カイシャク</t>
    </rPh>
    <rPh sb="3" eb="5">
      <t>ツウチ</t>
    </rPh>
    <rPh sb="5" eb="6">
      <t>ダイ</t>
    </rPh>
    <rPh sb="15" eb="16">
      <t>ダイ</t>
    </rPh>
    <rPh sb="17" eb="18">
      <t>コウ</t>
    </rPh>
    <rPh sb="18" eb="20">
      <t>カンケイ</t>
    </rPh>
    <rPh sb="23" eb="24">
      <t>ツギ</t>
    </rPh>
    <rPh sb="25" eb="26">
      <t>テン</t>
    </rPh>
    <rPh sb="27" eb="29">
      <t>リュウイ</t>
    </rPh>
    <rPh sb="37" eb="39">
      <t>スイドウ</t>
    </rPh>
    <rPh sb="39" eb="40">
      <t>ホウ</t>
    </rPh>
    <rPh sb="41" eb="43">
      <t>テキヨウ</t>
    </rPh>
    <rPh sb="47" eb="50">
      <t>ショウキボ</t>
    </rPh>
    <rPh sb="51" eb="53">
      <t>スイドウ</t>
    </rPh>
    <rPh sb="59" eb="61">
      <t>シエイ</t>
    </rPh>
    <rPh sb="61" eb="63">
      <t>スイドウ</t>
    </rPh>
    <rPh sb="64" eb="66">
      <t>センヨウ</t>
    </rPh>
    <rPh sb="66" eb="68">
      <t>スイドウ</t>
    </rPh>
    <rPh sb="68" eb="69">
      <t>トウ</t>
    </rPh>
    <rPh sb="70" eb="72">
      <t>バアイ</t>
    </rPh>
    <rPh sb="73" eb="75">
      <t>ドウヨウ</t>
    </rPh>
    <rPh sb="76" eb="78">
      <t>スイシツ</t>
    </rPh>
    <rPh sb="78" eb="80">
      <t>ケンサ</t>
    </rPh>
    <rPh sb="81" eb="83">
      <t>エンソ</t>
    </rPh>
    <rPh sb="83" eb="85">
      <t>ショウドク</t>
    </rPh>
    <rPh sb="85" eb="86">
      <t>ホウ</t>
    </rPh>
    <rPh sb="86" eb="87">
      <t>トウ</t>
    </rPh>
    <rPh sb="92" eb="93">
      <t>ジョウ</t>
    </rPh>
    <rPh sb="93" eb="95">
      <t>ヒツヨウ</t>
    </rPh>
    <rPh sb="96" eb="98">
      <t>ソチ</t>
    </rPh>
    <rPh sb="99" eb="100">
      <t>コウ</t>
    </rPh>
    <rPh sb="108" eb="109">
      <t>ツネ</t>
    </rPh>
    <rPh sb="110" eb="112">
      <t>シセツ</t>
    </rPh>
    <rPh sb="112" eb="113">
      <t>ナイ</t>
    </rPh>
    <rPh sb="113" eb="114">
      <t>ガイ</t>
    </rPh>
    <rPh sb="115" eb="117">
      <t>セイケツ</t>
    </rPh>
    <rPh sb="118" eb="119">
      <t>タモ</t>
    </rPh>
    <rPh sb="125" eb="127">
      <t>マイトシ</t>
    </rPh>
    <rPh sb="128" eb="129">
      <t>カイ</t>
    </rPh>
    <rPh sb="129" eb="131">
      <t>イジョウ</t>
    </rPh>
    <rPh sb="131" eb="134">
      <t>オオソウジ</t>
    </rPh>
    <rPh sb="135" eb="136">
      <t>オコナ</t>
    </rPh>
    <rPh sb="143" eb="146">
      <t>ショクチュウドク</t>
    </rPh>
    <rPh sb="146" eb="147">
      <t>オヨ</t>
    </rPh>
    <rPh sb="148" eb="151">
      <t>カンセンショウ</t>
    </rPh>
    <rPh sb="152" eb="154">
      <t>ハッセイ</t>
    </rPh>
    <rPh sb="155" eb="157">
      <t>ボウシ</t>
    </rPh>
    <rPh sb="162" eb="164">
      <t>ソチ</t>
    </rPh>
    <rPh sb="164" eb="165">
      <t>トウ</t>
    </rPh>
    <rPh sb="170" eb="172">
      <t>ヒツヨウ</t>
    </rPh>
    <rPh sb="173" eb="174">
      <t>オウ</t>
    </rPh>
    <rPh sb="176" eb="179">
      <t>ホケンジョ</t>
    </rPh>
    <rPh sb="180" eb="182">
      <t>ジョゲン</t>
    </rPh>
    <rPh sb="183" eb="185">
      <t>シドウ</t>
    </rPh>
    <rPh sb="186" eb="187">
      <t>モト</t>
    </rPh>
    <rPh sb="197" eb="198">
      <t>ツネ</t>
    </rPh>
    <rPh sb="199" eb="201">
      <t>ミッセツ</t>
    </rPh>
    <rPh sb="202" eb="204">
      <t>レンケイ</t>
    </rPh>
    <rPh sb="205" eb="206">
      <t>タモ</t>
    </rPh>
    <rPh sb="213" eb="214">
      <t>トク</t>
    </rPh>
    <rPh sb="222" eb="224">
      <t>タイサク</t>
    </rPh>
    <rPh sb="225" eb="227">
      <t>チョウカン</t>
    </rPh>
    <rPh sb="227" eb="230">
      <t>シュッケツセイ</t>
    </rPh>
    <rPh sb="230" eb="233">
      <t>ダイチョウキン</t>
    </rPh>
    <rPh sb="233" eb="236">
      <t>カンセンショウ</t>
    </rPh>
    <rPh sb="236" eb="238">
      <t>タイサク</t>
    </rPh>
    <rPh sb="244" eb="245">
      <t>ショウ</t>
    </rPh>
    <rPh sb="245" eb="247">
      <t>タイサク</t>
    </rPh>
    <rPh sb="247" eb="248">
      <t>トウ</t>
    </rPh>
    <rPh sb="256" eb="258">
      <t>ハッセイ</t>
    </rPh>
    <rPh sb="258" eb="259">
      <t>オヨ</t>
    </rPh>
    <rPh sb="262" eb="263">
      <t>エン</t>
    </rPh>
    <rPh sb="267" eb="269">
      <t>ボウシ</t>
    </rPh>
    <rPh sb="274" eb="276">
      <t>ソチ</t>
    </rPh>
    <rPh sb="281" eb="283">
      <t>ベット</t>
    </rPh>
    <rPh sb="283" eb="285">
      <t>ツウチ</t>
    </rPh>
    <rPh sb="285" eb="286">
      <t>トウ</t>
    </rPh>
    <rPh sb="287" eb="289">
      <t>ハッシュツ</t>
    </rPh>
    <rPh sb="300" eb="301">
      <t>モト</t>
    </rPh>
    <rPh sb="304" eb="306">
      <t>テキセツ</t>
    </rPh>
    <rPh sb="307" eb="309">
      <t>ソチ</t>
    </rPh>
    <rPh sb="310" eb="311">
      <t>コウ</t>
    </rPh>
    <rPh sb="319" eb="322">
      <t>テイキテキ</t>
    </rPh>
    <rPh sb="324" eb="326">
      <t>チョウリ</t>
    </rPh>
    <rPh sb="327" eb="329">
      <t>ジュウジ</t>
    </rPh>
    <rPh sb="331" eb="332">
      <t>モノ</t>
    </rPh>
    <rPh sb="333" eb="335">
      <t>ケンベン</t>
    </rPh>
    <rPh sb="336" eb="337">
      <t>オコナ</t>
    </rPh>
    <phoneticPr fontId="1"/>
  </si>
  <si>
    <t>【感染症及び食中毒の予防及びまん延の防止のための研修】
・支援員その他の従事者に対する研修の内容は、感染対策の基礎的内容等の適切な知識を普及・啓発するとともに、当
　該施設における指針に基づいた衛生管理の徹底や衛生的なケアの励行を行うものとする。
・職員教育を組織的に浸透させていくためには、当該施設が指針に基づいた研修プログラムを作成し、定期的な教育（
　年2回以上）を開催するとともに、新規採用時には必ず感染対策研修を実施することが重要である。
・調理や清掃などの業務を委託する場合には、委託を受けて行う者に対しても、施設の指針が周知されるようにする必
　要がある。
・研修の実施内容についても記録することが必要である。
・研修の実施は、厚生労働省「介護施設・事業所の職員向け感染症対策力向上のための研修教材」等を活用するなど、
　施設内での研修で差し支えない。</t>
    <rPh sb="1" eb="4">
      <t>カンセンショウ</t>
    </rPh>
    <rPh sb="4" eb="5">
      <t>オヨ</t>
    </rPh>
    <rPh sb="6" eb="9">
      <t>ショクチュウドク</t>
    </rPh>
    <rPh sb="10" eb="12">
      <t>ヨボウ</t>
    </rPh>
    <rPh sb="12" eb="13">
      <t>オヨ</t>
    </rPh>
    <rPh sb="16" eb="17">
      <t>エン</t>
    </rPh>
    <rPh sb="18" eb="20">
      <t>ボウシ</t>
    </rPh>
    <rPh sb="24" eb="26">
      <t>ケンシュウ</t>
    </rPh>
    <rPh sb="29" eb="31">
      <t>シエン</t>
    </rPh>
    <rPh sb="31" eb="32">
      <t>イン</t>
    </rPh>
    <rPh sb="36" eb="39">
      <t>ジュウジシャ</t>
    </rPh>
    <phoneticPr fontId="1"/>
  </si>
  <si>
    <t>◎基準条例第27条
1 養護老人ホームは、その行った処遇に関する入所者及びその家族からの苦情に迅速かつ適切に対応するために、苦情
　を受け付けるための窓口を設置する等の必要な措置を講じなければならない。
2 養護老人ホームは、前項の苦情を受け付けた場合は、当該苦情の内容等を記録しなければならない。
3 養護老人ホームは、その行った処遇に関し、市から指導又は助言を受けた場合は、当該指導又は助言に従って必要な
　改善を行わなければならない。
4 養護老人ホームは、市からの求めがあった場合は、前項の改善の内容を市に報告しなければならない。
5 養護老人ホームは、社会福祉法第83条に規定する運営適正化委員会が行う同法第85条第1項の規定による調査にでき
　る限り協力しなければならない。
○解釈通知第5-14
・必要な措置とは、
　①施設長が苦情受付担当者を指名する等苦情受付窓口の決定
　②施設内における苦情解決の手続の明確化
　③苦情受付の窓口及び苦情解決のための手続の入所者及び施設職員等に対する周知　等の措置である。
・その他の関連する事項については、平成12年8月22日障第615号、老発第598号、児発第707号厚生省大臣官房障害保健
　福祉部長、老人保健福祉局長、児童家庭局長連名通知「児童福祉施設最低基準等の一部を改正する省令の施行につい
　て」により別途通知しているので参考にされたい。
・苦情が処遇の質の向上を図る上での重要な情報であるとの認識に立ち、苦情の内容を踏まえ、処遇の質の向上に向け
　た取組を自ら行うべきである。
・苦情の内容等の記録は、完結の日から5年間（※）保存しなければならない。
　※解釈通知上は基準省令の規定により2年間とされているが、本市においては基準条例第9条の規定により5年間。</t>
    <rPh sb="1" eb="3">
      <t>キジュン</t>
    </rPh>
    <rPh sb="3" eb="5">
      <t>ジョウレイ</t>
    </rPh>
    <rPh sb="345" eb="347">
      <t>カイシャク</t>
    </rPh>
    <rPh sb="347" eb="349">
      <t>ツウチ</t>
    </rPh>
    <rPh sb="349" eb="350">
      <t>ダイ</t>
    </rPh>
    <rPh sb="356" eb="358">
      <t>ヒツヨウ</t>
    </rPh>
    <rPh sb="359" eb="361">
      <t>ソチ</t>
    </rPh>
    <rPh sb="367" eb="369">
      <t>シセツ</t>
    </rPh>
    <rPh sb="369" eb="370">
      <t>チョウ</t>
    </rPh>
    <rPh sb="371" eb="373">
      <t>クジョウ</t>
    </rPh>
    <rPh sb="373" eb="375">
      <t>ウケツケ</t>
    </rPh>
    <rPh sb="375" eb="378">
      <t>タントウシャ</t>
    </rPh>
    <rPh sb="379" eb="381">
      <t>シメイ</t>
    </rPh>
    <rPh sb="383" eb="384">
      <t>トウ</t>
    </rPh>
    <rPh sb="384" eb="386">
      <t>クジョウ</t>
    </rPh>
    <rPh sb="386" eb="388">
      <t>ウケツケ</t>
    </rPh>
    <rPh sb="388" eb="390">
      <t>マドグチ</t>
    </rPh>
    <rPh sb="391" eb="393">
      <t>ケッテイ</t>
    </rPh>
    <rPh sb="454" eb="455">
      <t>トウ</t>
    </rPh>
    <rPh sb="456" eb="458">
      <t>ソチ</t>
    </rPh>
    <rPh sb="466" eb="467">
      <t>タ</t>
    </rPh>
    <rPh sb="468" eb="470">
      <t>カンレン</t>
    </rPh>
    <rPh sb="472" eb="474">
      <t>ジコウ</t>
    </rPh>
    <rPh sb="480" eb="482">
      <t>ヘイセイ</t>
    </rPh>
    <rPh sb="484" eb="485">
      <t>ネン</t>
    </rPh>
    <rPh sb="486" eb="487">
      <t>ガツ</t>
    </rPh>
    <rPh sb="489" eb="490">
      <t>ニチ</t>
    </rPh>
    <rPh sb="550" eb="552">
      <t>ジドウ</t>
    </rPh>
    <rPh sb="552" eb="554">
      <t>フクシ</t>
    </rPh>
    <rPh sb="554" eb="556">
      <t>シセツ</t>
    </rPh>
    <rPh sb="556" eb="558">
      <t>サイテイ</t>
    </rPh>
    <rPh sb="558" eb="560">
      <t>キジュン</t>
    </rPh>
    <rPh sb="560" eb="561">
      <t>トウ</t>
    </rPh>
    <rPh sb="562" eb="564">
      <t>イチブ</t>
    </rPh>
    <rPh sb="565" eb="567">
      <t>カイセイ</t>
    </rPh>
    <rPh sb="569" eb="571">
      <t>ショウレイ</t>
    </rPh>
    <rPh sb="572" eb="574">
      <t>セコウ</t>
    </rPh>
    <rPh sb="584" eb="586">
      <t>ベット</t>
    </rPh>
    <rPh sb="586" eb="588">
      <t>ツウチ</t>
    </rPh>
    <rPh sb="594" eb="596">
      <t>サンコウ</t>
    </rPh>
    <rPh sb="604" eb="606">
      <t>クジョウ</t>
    </rPh>
    <rPh sb="607" eb="609">
      <t>ショグウ</t>
    </rPh>
    <rPh sb="610" eb="611">
      <t>シツ</t>
    </rPh>
    <rPh sb="612" eb="614">
      <t>コウジョウ</t>
    </rPh>
    <rPh sb="615" eb="616">
      <t>ハカ</t>
    </rPh>
    <rPh sb="617" eb="618">
      <t>ウエ</t>
    </rPh>
    <rPh sb="620" eb="622">
      <t>ジュウヨウ</t>
    </rPh>
    <rPh sb="623" eb="625">
      <t>ジョウホウ</t>
    </rPh>
    <rPh sb="630" eb="632">
      <t>ニンシキ</t>
    </rPh>
    <rPh sb="633" eb="634">
      <t>タ</t>
    </rPh>
    <rPh sb="636" eb="638">
      <t>クジョウ</t>
    </rPh>
    <rPh sb="639" eb="641">
      <t>ナイヨウ</t>
    </rPh>
    <rPh sb="642" eb="643">
      <t>フ</t>
    </rPh>
    <rPh sb="646" eb="648">
      <t>ショグウ</t>
    </rPh>
    <rPh sb="649" eb="650">
      <t>シツ</t>
    </rPh>
    <rPh sb="654" eb="655">
      <t>ム</t>
    </rPh>
    <rPh sb="659" eb="661">
      <t>トリクミ</t>
    </rPh>
    <rPh sb="662" eb="663">
      <t>ミズカ</t>
    </rPh>
    <rPh sb="664" eb="665">
      <t>オコナ</t>
    </rPh>
    <rPh sb="674" eb="676">
      <t>クジョウ</t>
    </rPh>
    <rPh sb="677" eb="679">
      <t>ナイヨウ</t>
    </rPh>
    <rPh sb="679" eb="680">
      <t>トウ</t>
    </rPh>
    <rPh sb="681" eb="683">
      <t>キロク</t>
    </rPh>
    <rPh sb="685" eb="687">
      <t>カンケツ</t>
    </rPh>
    <rPh sb="688" eb="689">
      <t>ヒ</t>
    </rPh>
    <rPh sb="692" eb="694">
      <t>ネンカン</t>
    </rPh>
    <rPh sb="697" eb="699">
      <t>ホゾン</t>
    </rPh>
    <rPh sb="712" eb="714">
      <t>カイシャク</t>
    </rPh>
    <rPh sb="714" eb="716">
      <t>ツウチ</t>
    </rPh>
    <rPh sb="716" eb="717">
      <t>ジョウ</t>
    </rPh>
    <rPh sb="729" eb="731">
      <t>ネンカン</t>
    </rPh>
    <rPh sb="739" eb="741">
      <t>ホンシ</t>
    </rPh>
    <rPh sb="746" eb="750">
      <t>キジュンジョウレイ</t>
    </rPh>
    <rPh sb="750" eb="751">
      <t>ダイ</t>
    </rPh>
    <rPh sb="752" eb="753">
      <t>ジョウ</t>
    </rPh>
    <rPh sb="754" eb="756">
      <t>キテイ</t>
    </rPh>
    <rPh sb="760" eb="761">
      <t>ネン</t>
    </rPh>
    <rPh sb="761" eb="762">
      <t>カン</t>
    </rPh>
    <phoneticPr fontId="1"/>
  </si>
  <si>
    <t>○解釈通知第5-16
【事故発生の防止のための指針】
・次のような項目を盛り込むこと。
　①施設における介護事故の防止に関する基本的考え方
　②介護事故の防止のための委員会その他施設内の組織に関する事項
　③介護事故の防止のための職員研修に関する基本方針
　④施設内で発生した介護事故、ヒヤリ・ハット事例及び現状を放置しておくと介護事故に結びつく可能性が高いもの
　　の報告方法等の介護に係る安全の確保を目的とした改善のための方策に関する基本方針
　⑤介護事故等発生時の対応に関する基本方針
　⑥入所者等に対する当該指針の閲覧に関する基本方針
　⑦その他介護事故等の発生の防止の推進のために必要な基本方針</t>
    <rPh sb="1" eb="3">
      <t>カイシャク</t>
    </rPh>
    <rPh sb="3" eb="5">
      <t>ツウチ</t>
    </rPh>
    <rPh sb="5" eb="6">
      <t>ダイ</t>
    </rPh>
    <rPh sb="12" eb="14">
      <t>ジコ</t>
    </rPh>
    <rPh sb="14" eb="16">
      <t>ハッセイ</t>
    </rPh>
    <rPh sb="17" eb="19">
      <t>ボウシ</t>
    </rPh>
    <rPh sb="23" eb="25">
      <t>シシン</t>
    </rPh>
    <rPh sb="28" eb="29">
      <t>ツギ</t>
    </rPh>
    <rPh sb="33" eb="35">
      <t>コウモク</t>
    </rPh>
    <rPh sb="36" eb="37">
      <t>モ</t>
    </rPh>
    <rPh sb="38" eb="39">
      <t>コ</t>
    </rPh>
    <rPh sb="46" eb="48">
      <t>シセツ</t>
    </rPh>
    <rPh sb="52" eb="54">
      <t>カイゴ</t>
    </rPh>
    <rPh sb="54" eb="56">
      <t>ジコ</t>
    </rPh>
    <rPh sb="57" eb="59">
      <t>ボウシ</t>
    </rPh>
    <rPh sb="60" eb="61">
      <t>カン</t>
    </rPh>
    <rPh sb="63" eb="66">
      <t>キホンテキ</t>
    </rPh>
    <rPh sb="66" eb="67">
      <t>カンガ</t>
    </rPh>
    <rPh sb="68" eb="69">
      <t>カタ</t>
    </rPh>
    <rPh sb="72" eb="74">
      <t>カイゴ</t>
    </rPh>
    <rPh sb="74" eb="76">
      <t>ジコ</t>
    </rPh>
    <rPh sb="77" eb="79">
      <t>ボウシ</t>
    </rPh>
    <rPh sb="83" eb="86">
      <t>イインカイ</t>
    </rPh>
    <rPh sb="88" eb="89">
      <t>タ</t>
    </rPh>
    <rPh sb="89" eb="91">
      <t>シセツ</t>
    </rPh>
    <rPh sb="91" eb="92">
      <t>ナイ</t>
    </rPh>
    <rPh sb="93" eb="95">
      <t>ソシキ</t>
    </rPh>
    <rPh sb="96" eb="97">
      <t>カン</t>
    </rPh>
    <rPh sb="99" eb="101">
      <t>ジコウ</t>
    </rPh>
    <rPh sb="104" eb="106">
      <t>カイゴ</t>
    </rPh>
    <rPh sb="106" eb="108">
      <t>ジコ</t>
    </rPh>
    <rPh sb="109" eb="111">
      <t>ボウシ</t>
    </rPh>
    <rPh sb="115" eb="117">
      <t>ショクイン</t>
    </rPh>
    <rPh sb="117" eb="119">
      <t>ケンシュウ</t>
    </rPh>
    <rPh sb="120" eb="121">
      <t>カン</t>
    </rPh>
    <rPh sb="123" eb="125">
      <t>キホン</t>
    </rPh>
    <rPh sb="125" eb="127">
      <t>ホウシン</t>
    </rPh>
    <rPh sb="130" eb="132">
      <t>シセツ</t>
    </rPh>
    <rPh sb="132" eb="133">
      <t>ナイ</t>
    </rPh>
    <rPh sb="134" eb="136">
      <t>ハッセイ</t>
    </rPh>
    <rPh sb="138" eb="140">
      <t>カイゴ</t>
    </rPh>
    <rPh sb="140" eb="142">
      <t>ジコ</t>
    </rPh>
    <rPh sb="150" eb="152">
      <t>ジレイ</t>
    </rPh>
    <rPh sb="152" eb="153">
      <t>オヨ</t>
    </rPh>
    <rPh sb="154" eb="156">
      <t>ゲンジョウ</t>
    </rPh>
    <rPh sb="157" eb="159">
      <t>ホウチ</t>
    </rPh>
    <rPh sb="164" eb="166">
      <t>カイゴ</t>
    </rPh>
    <rPh sb="166" eb="168">
      <t>ジコ</t>
    </rPh>
    <rPh sb="169" eb="170">
      <t>ムス</t>
    </rPh>
    <rPh sb="173" eb="176">
      <t>カノウセイ</t>
    </rPh>
    <rPh sb="177" eb="178">
      <t>タカ</t>
    </rPh>
    <rPh sb="185" eb="187">
      <t>ホウコク</t>
    </rPh>
    <rPh sb="187" eb="189">
      <t>ホウホウ</t>
    </rPh>
    <rPh sb="189" eb="190">
      <t>トウ</t>
    </rPh>
    <rPh sb="191" eb="193">
      <t>カイゴ</t>
    </rPh>
    <rPh sb="194" eb="195">
      <t>カカ</t>
    </rPh>
    <rPh sb="196" eb="198">
      <t>アンゼン</t>
    </rPh>
    <rPh sb="199" eb="201">
      <t>カクホ</t>
    </rPh>
    <rPh sb="202" eb="204">
      <t>モクテキ</t>
    </rPh>
    <rPh sb="207" eb="209">
      <t>カイゼン</t>
    </rPh>
    <rPh sb="213" eb="215">
      <t>ホウサク</t>
    </rPh>
    <rPh sb="216" eb="217">
      <t>カン</t>
    </rPh>
    <rPh sb="219" eb="221">
      <t>キホン</t>
    </rPh>
    <rPh sb="221" eb="223">
      <t>ホウシン</t>
    </rPh>
    <rPh sb="226" eb="228">
      <t>カイゴ</t>
    </rPh>
    <rPh sb="228" eb="230">
      <t>ジコ</t>
    </rPh>
    <rPh sb="230" eb="231">
      <t>トウ</t>
    </rPh>
    <rPh sb="231" eb="233">
      <t>ハッセイ</t>
    </rPh>
    <rPh sb="233" eb="234">
      <t>ジ</t>
    </rPh>
    <rPh sb="235" eb="237">
      <t>タイオウ</t>
    </rPh>
    <rPh sb="238" eb="239">
      <t>カン</t>
    </rPh>
    <rPh sb="241" eb="243">
      <t>キホン</t>
    </rPh>
    <rPh sb="243" eb="245">
      <t>ホウシン</t>
    </rPh>
    <rPh sb="248" eb="251">
      <t>ニュウショシャ</t>
    </rPh>
    <rPh sb="251" eb="252">
      <t>トウ</t>
    </rPh>
    <rPh sb="253" eb="254">
      <t>タイ</t>
    </rPh>
    <rPh sb="256" eb="258">
      <t>トウガイ</t>
    </rPh>
    <rPh sb="258" eb="260">
      <t>シシン</t>
    </rPh>
    <rPh sb="261" eb="263">
      <t>エツラン</t>
    </rPh>
    <rPh sb="264" eb="265">
      <t>カン</t>
    </rPh>
    <rPh sb="267" eb="269">
      <t>キホン</t>
    </rPh>
    <rPh sb="269" eb="271">
      <t>ホウシン</t>
    </rPh>
    <rPh sb="276" eb="277">
      <t>タ</t>
    </rPh>
    <rPh sb="277" eb="279">
      <t>カイゴ</t>
    </rPh>
    <rPh sb="279" eb="281">
      <t>ジコ</t>
    </rPh>
    <rPh sb="281" eb="282">
      <t>トウ</t>
    </rPh>
    <rPh sb="283" eb="285">
      <t>ハッセイ</t>
    </rPh>
    <rPh sb="286" eb="288">
      <t>ボウシ</t>
    </rPh>
    <rPh sb="289" eb="291">
      <t>スイシン</t>
    </rPh>
    <rPh sb="295" eb="297">
      <t>ヒツヨウ</t>
    </rPh>
    <rPh sb="298" eb="300">
      <t>キホン</t>
    </rPh>
    <rPh sb="300" eb="302">
      <t>ホウシン</t>
    </rPh>
    <phoneticPr fontId="1"/>
  </si>
  <si>
    <t>【事実の報告及びその分析を通じた改善策の職員に対する周知徹底】
・具体的には次のようなことを想定している。
　①介護事故等について報告するための様式を整備すること。
　②介護職員その他の従業者は、介護事故等の発生又は発見ごとにその状況、背景等を記録するとともに、①の様式に
　　従い、介護事故等について報告すること。
　③事故発生の防止のための委員会において②により報告された事例を集計し、分析すること。
　④事例の分析に当たっては、介護事故等の発生時の状況等を分析し、介護事故等の発生原因、結果等をとりまとめ、
　　防止策を検討すること。
　⑤報告された事例及び分析結果を職員に周知徹底すること。
　⑥防止策を講じた後に、その効果について評価すること。
・体制整備の目的は、介護事故等について施設全体で情報共有し、今後の再発防止につなげるためのものであり、決し
　て職員の懲罰を目的としたものではないことに留意すること。</t>
    <rPh sb="1" eb="3">
      <t>ジジツ</t>
    </rPh>
    <rPh sb="4" eb="6">
      <t>ホウコク</t>
    </rPh>
    <rPh sb="6" eb="7">
      <t>オヨ</t>
    </rPh>
    <rPh sb="10" eb="12">
      <t>ブンセキ</t>
    </rPh>
    <rPh sb="13" eb="14">
      <t>ツウ</t>
    </rPh>
    <rPh sb="16" eb="19">
      <t>カイゼンサク</t>
    </rPh>
    <rPh sb="20" eb="22">
      <t>ショクイン</t>
    </rPh>
    <rPh sb="23" eb="24">
      <t>タイ</t>
    </rPh>
    <rPh sb="26" eb="28">
      <t>シュウチ</t>
    </rPh>
    <rPh sb="28" eb="30">
      <t>テッテイ</t>
    </rPh>
    <rPh sb="33" eb="36">
      <t>グタイテキ</t>
    </rPh>
    <rPh sb="38" eb="39">
      <t>ツギ</t>
    </rPh>
    <rPh sb="46" eb="48">
      <t>ソウテイ</t>
    </rPh>
    <rPh sb="56" eb="58">
      <t>カイゴ</t>
    </rPh>
    <rPh sb="58" eb="60">
      <t>ジコ</t>
    </rPh>
    <rPh sb="60" eb="61">
      <t>トウ</t>
    </rPh>
    <rPh sb="65" eb="67">
      <t>ホウコク</t>
    </rPh>
    <rPh sb="72" eb="74">
      <t>ヨウシキ</t>
    </rPh>
    <rPh sb="75" eb="77">
      <t>セイビ</t>
    </rPh>
    <rPh sb="85" eb="87">
      <t>カイゴ</t>
    </rPh>
    <rPh sb="87" eb="89">
      <t>ショクイン</t>
    </rPh>
    <rPh sb="91" eb="92">
      <t>タ</t>
    </rPh>
    <rPh sb="93" eb="96">
      <t>ジュウギョウシャ</t>
    </rPh>
    <rPh sb="98" eb="100">
      <t>カイゴ</t>
    </rPh>
    <rPh sb="100" eb="102">
      <t>ジコ</t>
    </rPh>
    <rPh sb="102" eb="103">
      <t>トウ</t>
    </rPh>
    <rPh sb="104" eb="106">
      <t>ハッセイ</t>
    </rPh>
    <rPh sb="106" eb="107">
      <t>マタ</t>
    </rPh>
    <rPh sb="108" eb="110">
      <t>ハッケン</t>
    </rPh>
    <rPh sb="115" eb="117">
      <t>ジョウキョウ</t>
    </rPh>
    <rPh sb="118" eb="120">
      <t>ハイケイ</t>
    </rPh>
    <rPh sb="120" eb="121">
      <t>トウ</t>
    </rPh>
    <rPh sb="122" eb="124">
      <t>キロク</t>
    </rPh>
    <rPh sb="133" eb="135">
      <t>ヨウシキ</t>
    </rPh>
    <rPh sb="139" eb="140">
      <t>シタガ</t>
    </rPh>
    <rPh sb="142" eb="144">
      <t>カイゴ</t>
    </rPh>
    <rPh sb="144" eb="146">
      <t>ジコ</t>
    </rPh>
    <rPh sb="146" eb="147">
      <t>トウ</t>
    </rPh>
    <rPh sb="151" eb="153">
      <t>ホウコク</t>
    </rPh>
    <rPh sb="161" eb="163">
      <t>ジコ</t>
    </rPh>
    <rPh sb="163" eb="165">
      <t>ハッセイ</t>
    </rPh>
    <rPh sb="166" eb="168">
      <t>ボウシ</t>
    </rPh>
    <rPh sb="172" eb="175">
      <t>イインカイ</t>
    </rPh>
    <rPh sb="183" eb="185">
      <t>ホウコク</t>
    </rPh>
    <rPh sb="188" eb="190">
      <t>ジレイ</t>
    </rPh>
    <rPh sb="191" eb="193">
      <t>シュウケイ</t>
    </rPh>
    <rPh sb="195" eb="197">
      <t>ブンセキ</t>
    </rPh>
    <rPh sb="205" eb="207">
      <t>ジレイ</t>
    </rPh>
    <rPh sb="208" eb="210">
      <t>ブンセキ</t>
    </rPh>
    <rPh sb="211" eb="212">
      <t>ア</t>
    </rPh>
    <rPh sb="217" eb="219">
      <t>カイゴ</t>
    </rPh>
    <rPh sb="219" eb="221">
      <t>ジコ</t>
    </rPh>
    <rPh sb="221" eb="222">
      <t>トウ</t>
    </rPh>
    <rPh sb="223" eb="225">
      <t>ハッセイ</t>
    </rPh>
    <rPh sb="225" eb="226">
      <t>ジ</t>
    </rPh>
    <rPh sb="227" eb="229">
      <t>ジョウキョウ</t>
    </rPh>
    <rPh sb="229" eb="230">
      <t>トウ</t>
    </rPh>
    <rPh sb="231" eb="233">
      <t>ブンセキ</t>
    </rPh>
    <rPh sb="235" eb="237">
      <t>カイゴ</t>
    </rPh>
    <rPh sb="237" eb="239">
      <t>ジコ</t>
    </rPh>
    <rPh sb="239" eb="240">
      <t>トウ</t>
    </rPh>
    <rPh sb="241" eb="243">
      <t>ハッセイ</t>
    </rPh>
    <rPh sb="243" eb="245">
      <t>ゲンイン</t>
    </rPh>
    <rPh sb="246" eb="248">
      <t>ケッカ</t>
    </rPh>
    <rPh sb="248" eb="249">
      <t>トウ</t>
    </rPh>
    <rPh sb="259" eb="261">
      <t>ボウシ</t>
    </rPh>
    <rPh sb="261" eb="262">
      <t>サク</t>
    </rPh>
    <rPh sb="263" eb="265">
      <t>ケントウ</t>
    </rPh>
    <rPh sb="273" eb="275">
      <t>ホウコク</t>
    </rPh>
    <rPh sb="278" eb="280">
      <t>ジレイ</t>
    </rPh>
    <rPh sb="280" eb="281">
      <t>オヨ</t>
    </rPh>
    <rPh sb="282" eb="284">
      <t>ブンセキ</t>
    </rPh>
    <rPh sb="284" eb="286">
      <t>ケッカ</t>
    </rPh>
    <rPh sb="287" eb="289">
      <t>ショクイン</t>
    </rPh>
    <rPh sb="290" eb="292">
      <t>シュウチ</t>
    </rPh>
    <rPh sb="292" eb="294">
      <t>テッテイ</t>
    </rPh>
    <rPh sb="302" eb="304">
      <t>ボウシ</t>
    </rPh>
    <rPh sb="304" eb="305">
      <t>サク</t>
    </rPh>
    <rPh sb="306" eb="307">
      <t>コウ</t>
    </rPh>
    <rPh sb="309" eb="310">
      <t>ノチ</t>
    </rPh>
    <rPh sb="314" eb="316">
      <t>コウカ</t>
    </rPh>
    <rPh sb="320" eb="322">
      <t>ヒョウカ</t>
    </rPh>
    <rPh sb="329" eb="331">
      <t>タイセイ</t>
    </rPh>
    <rPh sb="331" eb="333">
      <t>セイビ</t>
    </rPh>
    <rPh sb="334" eb="336">
      <t>モクテキ</t>
    </rPh>
    <rPh sb="338" eb="340">
      <t>カイゴ</t>
    </rPh>
    <rPh sb="340" eb="342">
      <t>ジコ</t>
    </rPh>
    <rPh sb="342" eb="343">
      <t>トウ</t>
    </rPh>
    <rPh sb="347" eb="349">
      <t>シセツ</t>
    </rPh>
    <rPh sb="349" eb="351">
      <t>ゼンタイ</t>
    </rPh>
    <rPh sb="352" eb="354">
      <t>ジョウホウ</t>
    </rPh>
    <rPh sb="354" eb="356">
      <t>キョウユウ</t>
    </rPh>
    <rPh sb="358" eb="360">
      <t>コンゴ</t>
    </rPh>
    <rPh sb="361" eb="365">
      <t>サイハツボウシ</t>
    </rPh>
    <rPh sb="379" eb="380">
      <t>ケッ</t>
    </rPh>
    <rPh sb="384" eb="386">
      <t>ショクイン</t>
    </rPh>
    <rPh sb="387" eb="389">
      <t>チョウバツ</t>
    </rPh>
    <rPh sb="390" eb="392">
      <t>モクテキ</t>
    </rPh>
    <rPh sb="404" eb="406">
      <t>リュウイ</t>
    </rPh>
    <phoneticPr fontId="1"/>
  </si>
  <si>
    <t>【事故発生の防止のための委員会】
・幅広い職種（例えば、施設長、医師、看護職員、支援員、生活相談員）により構成し、構成メンバーの責務及び役割
　分担を明確にすることが必要である。
・事故防止検討委員会は、運営委員会など他の委員会と独立して設置・運営することが必要であるが、関係する職種、
　取り扱う事項等が相互に関係が深いと認められる他の会議体を設置している場合、これと一体的に設置・運営するこ
　とも差し支えない。
・事故防止検討委員会の責任者はケア全般の責任者であることが望ましい。
・事故防止検討委員会に施設外の安全対策の専門家を委員として積極的に活用することが望ましい。
・テレビ電話装置等を活用する際は、個人情報保護委員会・厚生労働省「医療・介護関係事業者における個人情報の適
　切な取扱いのためのガイダンス」、厚生労働省「医療情報システムの安全管理に関するガイドライン」等を遵守する
　こと。</t>
    <rPh sb="1" eb="3">
      <t>ジコ</t>
    </rPh>
    <rPh sb="3" eb="5">
      <t>ハッセイ</t>
    </rPh>
    <rPh sb="6" eb="8">
      <t>ボウシ</t>
    </rPh>
    <rPh sb="12" eb="15">
      <t>イインカイ</t>
    </rPh>
    <rPh sb="40" eb="42">
      <t>シエン</t>
    </rPh>
    <phoneticPr fontId="1"/>
  </si>
  <si>
    <t>【事故発生時の対応】
・入所者の日常生活や処遇上に事故が発生した場合の対応方法について、あらかじめ定めておくことが望ましい。
・損害賠償保険に加入しておくか、賠償資力を有することが望ましい。</t>
    <rPh sb="1" eb="3">
      <t>ジコ</t>
    </rPh>
    <rPh sb="3" eb="5">
      <t>ハッセイ</t>
    </rPh>
    <rPh sb="5" eb="6">
      <t>ジ</t>
    </rPh>
    <rPh sb="7" eb="9">
      <t>タイオウ</t>
    </rPh>
    <rPh sb="12" eb="15">
      <t>ニュウショシャ</t>
    </rPh>
    <rPh sb="16" eb="18">
      <t>ニチジョウ</t>
    </rPh>
    <rPh sb="18" eb="20">
      <t>セイカツ</t>
    </rPh>
    <rPh sb="21" eb="23">
      <t>ショグウ</t>
    </rPh>
    <rPh sb="23" eb="24">
      <t>ジョウ</t>
    </rPh>
    <rPh sb="25" eb="27">
      <t>ジコ</t>
    </rPh>
    <rPh sb="28" eb="30">
      <t>ハッセイ</t>
    </rPh>
    <rPh sb="32" eb="34">
      <t>バアイ</t>
    </rPh>
    <rPh sb="35" eb="37">
      <t>タイオウ</t>
    </rPh>
    <rPh sb="37" eb="39">
      <t>ホウホウ</t>
    </rPh>
    <rPh sb="49" eb="50">
      <t>サダ</t>
    </rPh>
    <rPh sb="57" eb="58">
      <t>ノゾ</t>
    </rPh>
    <rPh sb="64" eb="66">
      <t>ソンガイ</t>
    </rPh>
    <rPh sb="66" eb="68">
      <t>バイショウ</t>
    </rPh>
    <rPh sb="68" eb="70">
      <t>ホケン</t>
    </rPh>
    <rPh sb="71" eb="73">
      <t>カニュウ</t>
    </rPh>
    <rPh sb="79" eb="81">
      <t>バイショウ</t>
    </rPh>
    <rPh sb="81" eb="83">
      <t>シリョク</t>
    </rPh>
    <rPh sb="84" eb="85">
      <t>ユウ</t>
    </rPh>
    <rPh sb="90" eb="91">
      <t>ノゾ</t>
    </rPh>
    <phoneticPr fontId="1"/>
  </si>
  <si>
    <t>○解釈通知第5-17
　虐待を未然に防止するための対策及び発生した場合の対応等については、高齢者虐待防止法に規定されているところ
　であり、その実効性を高め、入所者の尊厳の保持・人格の尊重が達成されるよう、次に掲げる観点から虐待の防止に
　関する措置を講じるものとする。
　①虐待の未然防止
　　施設は高齢者の尊厳保持・人格尊重に対する配慮を常に心がけながら入所者のケアにあたる必要があり、第2条の
　　基本方針に位置付けられているとおり、研修等を通じて、職員にそれらに関する理解を促す必要がある。同様に、
　　職員が高齢者虐待防止法等に規定する養介護施設の職員としての責務・適切な対応等を正しく理解していることも
　　重要である。
　②虐待等の早期発見
　　施設の職員は、虐待等を発見しやすい立場にあることから、虐待等を早期に発見できるよう、必要な措置（虐待等
　　に対する相談体制、市町村の通報窓口の周知等）がとられていることが望ましい。また、入所者及びその家族から
　　の虐待等に係る相談、入所者から市町村への虐待の届出について、適切な対応をすること。
　③虐待等への迅速かつ適切な対応
　　虐待が発生した場合には、速やかに市町村の窓口に通報される必要があり、施設は当該通報の手続が迅速かつ適切
　　に行われ、市町村等が行う虐待等に対する調査等に協力するよう努めることとする。</t>
    <rPh sb="1" eb="6">
      <t>カイシャクツウチダイ</t>
    </rPh>
    <rPh sb="148" eb="150">
      <t>シセツ</t>
    </rPh>
    <rPh sb="330" eb="332">
      <t>シセツ</t>
    </rPh>
    <rPh sb="533" eb="535">
      <t>シセツ</t>
    </rPh>
    <phoneticPr fontId="1"/>
  </si>
  <si>
    <t>◎基準条例第16条
4 養護老人ホームは、入所者の処遇に当たっては、当該入所者又は他の入所者等の生命又は身体を保護するため緊急や
　むを得ない場合を除き、身体的拘束その他入所者の行動を制限する行為（以下「身体的拘束等」という。）を行って
　はならない。
5 養護老人ホームは、身体的拘束等を行う場合は、その態様及び時間、その際の入所者の心身の状況並びに緊急やむを
　得ない理由を記録しなければならない。
6 養護老人ホームは、身体的拘束等の適正化を図るため、次に掲げる措置を講じなければならない。
　(1) 身体的拘束等の適正化のための対策を検討する委員会（テレビ電話装置その他の情報通信機器（以下「テレビ電
　　話装置等」という。）を活用して行うことができるものとする。）を3月に1回以上開催するとともに、その結果に
　　ついて、支援員その他の従業者に周知徹底を図ること。
　(2) 身体的拘束等の適正化のための指針を整備すること。
　(3) 支援員その他の従業者に対し、身体的拘束等の適正化のための研修を定期的に実施すること。</t>
    <rPh sb="1" eb="3">
      <t>キジュン</t>
    </rPh>
    <rPh sb="3" eb="5">
      <t>ジョウレイ</t>
    </rPh>
    <phoneticPr fontId="1"/>
  </si>
  <si>
    <t>　　ア　常勤換算方法で、1人に、入所者が30人又はその端数を増すごとに1人を加えて得た数以上とすること。
　　イ　生活相談員のうち入所者が100人又はその端数を増すごとに1人以上を主任生活相談員とすること。
　(2) 支援員
　　ア　常勤換算方法で、別表の左欄に掲げる一般入所者に応じ、それぞれ同表の右欄に掲げる支援員以上とするこ
　　　と。
　　イ　支援員のうち1人を主任支援員とすること。
　(3) 看護職員
　　ア　入所者が100人を超えない盲養護老人ホーム等にあっては、常勤換算方法で、2人以上とすること。
　　イ　入所者が100人を超える盲養護老人ホーム等にあっては、常勤換算方法で、2人に、入所者が100人を超えて100
　　　人又はその端数を増すごとに1人を加えて得た数以上とすること。</t>
    <phoneticPr fontId="1"/>
  </si>
  <si>
    <t>◎基準条例第12条第2項
　前項（第1号、第2号、第6号及び第7号を除く。）の規定にかかわらず、視覚又は聴覚に障害のある入所者が入所定員
　の7割を超える養護老人ホーム（以下この項において「盲養護老人ホーム等」という。）に置くべき生活相談員、支
　援員及び看護職員については、次の各号に定めるところによる。
　(1) 生活相談員</t>
    <phoneticPr fontId="1"/>
  </si>
  <si>
    <t>宿直・夜勤職員</t>
    <rPh sb="0" eb="2">
      <t>シュクチョク</t>
    </rPh>
    <rPh sb="3" eb="5">
      <t>ヤキン</t>
    </rPh>
    <rPh sb="5" eb="7">
      <t>ショクイン</t>
    </rPh>
    <phoneticPr fontId="1"/>
  </si>
  <si>
    <t>１－４　支援員</t>
    <rPh sb="4" eb="6">
      <t>シエン</t>
    </rPh>
    <rPh sb="6" eb="7">
      <t>イン</t>
    </rPh>
    <phoneticPr fontId="1"/>
  </si>
  <si>
    <t>(2) 生活相談員のうち、入所者が１００人又はその端数を増すごとに１</t>
    <rPh sb="4" eb="9">
      <t>セイカツソウダンイン</t>
    </rPh>
    <rPh sb="13" eb="16">
      <t>ニュウショシャ</t>
    </rPh>
    <rPh sb="20" eb="21">
      <t>ニン</t>
    </rPh>
    <rPh sb="21" eb="22">
      <t>マタ</t>
    </rPh>
    <rPh sb="25" eb="27">
      <t>ハスウ</t>
    </rPh>
    <rPh sb="28" eb="29">
      <t>マ</t>
    </rPh>
    <phoneticPr fontId="1"/>
  </si>
  <si>
    <t>　人以上を常勤専従の主任生活相談員としているか。</t>
    <phoneticPr fontId="1"/>
  </si>
  <si>
    <t>１－５　看護職員</t>
    <rPh sb="4" eb="6">
      <t>カンゴ</t>
    </rPh>
    <rPh sb="6" eb="8">
      <t>ショクイン</t>
    </rPh>
    <phoneticPr fontId="1"/>
  </si>
  <si>
    <t>(2) 看護職員のうち、１人以上は常勤であるか。</t>
    <rPh sb="4" eb="6">
      <t>カンゴ</t>
    </rPh>
    <rPh sb="6" eb="8">
      <t>ショクイン</t>
    </rPh>
    <rPh sb="13" eb="14">
      <t>ニン</t>
    </rPh>
    <rPh sb="14" eb="16">
      <t>イジョウ</t>
    </rPh>
    <rPh sb="17" eb="19">
      <t>ジョウキン</t>
    </rPh>
    <phoneticPr fontId="1"/>
  </si>
  <si>
    <t>１－６　栄養士</t>
    <rPh sb="4" eb="7">
      <t>エイヨウシ</t>
    </rPh>
    <phoneticPr fontId="1"/>
  </si>
  <si>
    <t>(1) １人以上配置しているか。</t>
    <rPh sb="5" eb="6">
      <t>ニン</t>
    </rPh>
    <rPh sb="6" eb="8">
      <t>イジョウ</t>
    </rPh>
    <rPh sb="8" eb="10">
      <t>ハイチ</t>
    </rPh>
    <phoneticPr fontId="1"/>
  </si>
  <si>
    <t>１－７　宿直・夜勤職員</t>
    <rPh sb="4" eb="6">
      <t>シュクチョク</t>
    </rPh>
    <rPh sb="7" eb="9">
      <t>ヤキン</t>
    </rPh>
    <rPh sb="9" eb="11">
      <t>ショクイン</t>
    </rPh>
    <phoneticPr fontId="1"/>
  </si>
  <si>
    <t>　(1) 夜間及び深夜の時間帯を通じて１人以上配置しているか。</t>
    <rPh sb="5" eb="7">
      <t>ヤカン</t>
    </rPh>
    <rPh sb="7" eb="8">
      <t>オヨ</t>
    </rPh>
    <rPh sb="9" eb="11">
      <t>シンヤ</t>
    </rPh>
    <rPh sb="12" eb="15">
      <t>ジカンタイ</t>
    </rPh>
    <rPh sb="16" eb="17">
      <t>ツウ</t>
    </rPh>
    <rPh sb="20" eb="21">
      <t>ニン</t>
    </rPh>
    <rPh sb="21" eb="23">
      <t>イジョウ</t>
    </rPh>
    <rPh sb="23" eb="25">
      <t>ハイチ</t>
    </rPh>
    <phoneticPr fontId="1"/>
  </si>
  <si>
    <t>◎基準条例第4条
　養護老人ホームの設備は、専ら当該養護老人ホームの用に供するものでなければならない。ただし、入所者の処遇に
　支障がない場合は、この限りでない。</t>
    <rPh sb="1" eb="5">
      <t>キジュンジョウレイ</t>
    </rPh>
    <phoneticPr fontId="1"/>
  </si>
  <si>
    <t>入所者の処遇の内容</t>
    <rPh sb="0" eb="3">
      <t>ニュウショシャ</t>
    </rPh>
    <rPh sb="4" eb="6">
      <t>ショグウ</t>
    </rPh>
    <rPh sb="7" eb="9">
      <t>ナイヨウ</t>
    </rPh>
    <phoneticPr fontId="1"/>
  </si>
  <si>
    <t>　活相談員、支援員、看護職員等）で定期的に協議・検討しているか。</t>
    <rPh sb="6" eb="8">
      <t>シエン</t>
    </rPh>
    <phoneticPr fontId="1"/>
  </si>
  <si>
    <t>□処遇計画</t>
    <rPh sb="1" eb="3">
      <t>ショグウ</t>
    </rPh>
    <rPh sb="3" eb="5">
      <t>ケイカク</t>
    </rPh>
    <phoneticPr fontId="1"/>
  </si>
  <si>
    <t>４　入退所</t>
    <rPh sb="2" eb="3">
      <t>ニュウ</t>
    </rPh>
    <rPh sb="3" eb="5">
      <t>タイショ</t>
    </rPh>
    <phoneticPr fontId="1"/>
  </si>
  <si>
    <t>５　処遇に関する計画</t>
    <rPh sb="2" eb="4">
      <t>ショグウ</t>
    </rPh>
    <rPh sb="5" eb="6">
      <t>カン</t>
    </rPh>
    <rPh sb="8" eb="10">
      <t>ケイカク</t>
    </rPh>
    <phoneticPr fontId="1"/>
  </si>
  <si>
    <t>６　処遇方針</t>
    <rPh sb="2" eb="4">
      <t>ショグウ</t>
    </rPh>
    <rPh sb="4" eb="6">
      <t>ホウシン</t>
    </rPh>
    <phoneticPr fontId="1"/>
  </si>
  <si>
    <t>７　食事</t>
    <rPh sb="2" eb="4">
      <t>ショクジ</t>
    </rPh>
    <phoneticPr fontId="1"/>
  </si>
  <si>
    <t>８　生活相談等</t>
    <rPh sb="2" eb="4">
      <t>セイカツ</t>
    </rPh>
    <rPh sb="4" eb="6">
      <t>ソウダン</t>
    </rPh>
    <rPh sb="6" eb="7">
      <t>トウ</t>
    </rPh>
    <phoneticPr fontId="1"/>
  </si>
  <si>
    <t>(2) 入所者に対し、処遇計画に基づき、自立した日常生活を営むために</t>
    <rPh sb="4" eb="7">
      <t>ニュウショシャ</t>
    </rPh>
    <rPh sb="8" eb="9">
      <t>タイ</t>
    </rPh>
    <rPh sb="11" eb="13">
      <t>ショグウ</t>
    </rPh>
    <rPh sb="13" eb="15">
      <t>ケイカク</t>
    </rPh>
    <rPh sb="16" eb="17">
      <t>モト</t>
    </rPh>
    <rPh sb="20" eb="22">
      <t>ジリツ</t>
    </rPh>
    <rPh sb="24" eb="26">
      <t>ニチジョウ</t>
    </rPh>
    <rPh sb="26" eb="28">
      <t>セイカツ</t>
    </rPh>
    <rPh sb="29" eb="30">
      <t>イトナ</t>
    </rPh>
    <phoneticPr fontId="1"/>
  </si>
  <si>
    <t>　必要な指導及び訓練その他の援助を行っているか。</t>
    <rPh sb="1" eb="3">
      <t>ヒツヨウ</t>
    </rPh>
    <rPh sb="4" eb="6">
      <t>シドウ</t>
    </rPh>
    <rPh sb="6" eb="7">
      <t>オヨ</t>
    </rPh>
    <rPh sb="8" eb="10">
      <t>クンレン</t>
    </rPh>
    <rPh sb="12" eb="13">
      <t>タ</t>
    </rPh>
    <rPh sb="14" eb="16">
      <t>エンジョ</t>
    </rPh>
    <rPh sb="17" eb="18">
      <t>オコナ</t>
    </rPh>
    <phoneticPr fontId="1"/>
  </si>
  <si>
    <t>(3) 入所者が日常生活を営むのに必要な行政機関等に対する手続につい</t>
    <rPh sb="4" eb="7">
      <t>ニュウショシャ</t>
    </rPh>
    <rPh sb="8" eb="10">
      <t>ニチジョウ</t>
    </rPh>
    <rPh sb="10" eb="12">
      <t>セイカツ</t>
    </rPh>
    <rPh sb="13" eb="14">
      <t>イトナ</t>
    </rPh>
    <rPh sb="17" eb="19">
      <t>ヒツヨウ</t>
    </rPh>
    <rPh sb="20" eb="22">
      <t>ギョウセイ</t>
    </rPh>
    <rPh sb="22" eb="24">
      <t>キカン</t>
    </rPh>
    <rPh sb="24" eb="25">
      <t>トウ</t>
    </rPh>
    <rPh sb="26" eb="27">
      <t>タイ</t>
    </rPh>
    <rPh sb="29" eb="31">
      <t>テツヅキ</t>
    </rPh>
    <phoneticPr fontId="1"/>
  </si>
  <si>
    <t>　て、必要な支援を行っているか。</t>
    <rPh sb="3" eb="5">
      <t>ヒツヨウ</t>
    </rPh>
    <rPh sb="6" eb="8">
      <t>シエン</t>
    </rPh>
    <rPh sb="9" eb="10">
      <t>オコナ</t>
    </rPh>
    <phoneticPr fontId="1"/>
  </si>
  <si>
    <t>(4) 常に入所者の家族との連携を図り、入所者とその家族との交流の機</t>
    <rPh sb="4" eb="5">
      <t>ツネ</t>
    </rPh>
    <rPh sb="6" eb="9">
      <t>ニュウショシャ</t>
    </rPh>
    <rPh sb="10" eb="12">
      <t>カゾク</t>
    </rPh>
    <rPh sb="14" eb="16">
      <t>レンケイ</t>
    </rPh>
    <rPh sb="17" eb="18">
      <t>ハカ</t>
    </rPh>
    <rPh sb="20" eb="23">
      <t>ニュウショシャ</t>
    </rPh>
    <rPh sb="26" eb="28">
      <t>カゾク</t>
    </rPh>
    <rPh sb="30" eb="32">
      <t>コウリュウ</t>
    </rPh>
    <rPh sb="33" eb="34">
      <t>キ</t>
    </rPh>
    <phoneticPr fontId="1"/>
  </si>
  <si>
    <t>　会を確保するよう努めているか。</t>
    <rPh sb="1" eb="2">
      <t>ア</t>
    </rPh>
    <rPh sb="3" eb="5">
      <t>カクホ</t>
    </rPh>
    <rPh sb="9" eb="10">
      <t>ツト</t>
    </rPh>
    <phoneticPr fontId="1"/>
  </si>
  <si>
    <t>(5) 入所者の外出の機会を確保するよう努めているか。</t>
    <rPh sb="4" eb="7">
      <t>ニュウショシャ</t>
    </rPh>
    <rPh sb="8" eb="10">
      <t>ガイシュツ</t>
    </rPh>
    <rPh sb="11" eb="13">
      <t>キカイ</t>
    </rPh>
    <rPh sb="14" eb="16">
      <t>カクホ</t>
    </rPh>
    <rPh sb="20" eb="21">
      <t>ツト</t>
    </rPh>
    <phoneticPr fontId="1"/>
  </si>
  <si>
    <t>(6) 入所者に対し、退所後の地域における生活を念頭に置きつつ、自立</t>
    <rPh sb="4" eb="7">
      <t>ニュウショシャ</t>
    </rPh>
    <rPh sb="8" eb="9">
      <t>タイ</t>
    </rPh>
    <rPh sb="11" eb="13">
      <t>タイショ</t>
    </rPh>
    <rPh sb="13" eb="14">
      <t>ゴ</t>
    </rPh>
    <rPh sb="15" eb="17">
      <t>チイキ</t>
    </rPh>
    <rPh sb="21" eb="23">
      <t>セイカツ</t>
    </rPh>
    <rPh sb="24" eb="26">
      <t>ネントウ</t>
    </rPh>
    <rPh sb="27" eb="28">
      <t>オ</t>
    </rPh>
    <rPh sb="32" eb="34">
      <t>ジリツ</t>
    </rPh>
    <phoneticPr fontId="1"/>
  </si>
  <si>
    <t>　的な生活に必要な援助を適切に行っているか。</t>
    <rPh sb="1" eb="2">
      <t>テキ</t>
    </rPh>
    <rPh sb="3" eb="5">
      <t>セイカツ</t>
    </rPh>
    <rPh sb="6" eb="8">
      <t>ヒツヨウ</t>
    </rPh>
    <rPh sb="9" eb="11">
      <t>エンジョ</t>
    </rPh>
    <rPh sb="12" eb="14">
      <t>テキセツ</t>
    </rPh>
    <rPh sb="15" eb="16">
      <t>オコナ</t>
    </rPh>
    <phoneticPr fontId="1"/>
  </si>
  <si>
    <t>(7) １週間に２回以上、入所者を入浴させ、又は清しきしているか。</t>
    <rPh sb="5" eb="7">
      <t>シュウカン</t>
    </rPh>
    <rPh sb="9" eb="12">
      <t>カイイジョウ</t>
    </rPh>
    <rPh sb="13" eb="16">
      <t>ニュウショシャ</t>
    </rPh>
    <rPh sb="17" eb="19">
      <t>ニュウヨク</t>
    </rPh>
    <rPh sb="22" eb="23">
      <t>マタ</t>
    </rPh>
    <rPh sb="24" eb="25">
      <t>セイ</t>
    </rPh>
    <phoneticPr fontId="1"/>
  </si>
  <si>
    <t>(8) 教養娯楽設備等を備え、適宜レクリエーション行事を行っているか。</t>
    <rPh sb="4" eb="6">
      <t>キョウヨウ</t>
    </rPh>
    <rPh sb="6" eb="8">
      <t>ゴラク</t>
    </rPh>
    <rPh sb="8" eb="10">
      <t>セツビ</t>
    </rPh>
    <rPh sb="10" eb="11">
      <t>トウ</t>
    </rPh>
    <rPh sb="12" eb="13">
      <t>ソナ</t>
    </rPh>
    <rPh sb="15" eb="17">
      <t>テキギ</t>
    </rPh>
    <rPh sb="25" eb="27">
      <t>ギョウジ</t>
    </rPh>
    <rPh sb="28" eb="29">
      <t>オコナ</t>
    </rPh>
    <phoneticPr fontId="1"/>
  </si>
  <si>
    <t>９　居宅サービス等の利用</t>
    <rPh sb="2" eb="4">
      <t>キョタク</t>
    </rPh>
    <rPh sb="8" eb="9">
      <t>トウ</t>
    </rPh>
    <rPh sb="10" eb="12">
      <t>リヨウ</t>
    </rPh>
    <phoneticPr fontId="1"/>
  </si>
  <si>
    <t>(1) 入所者の必要に応じ、適切に居宅サービス等を受けることができる</t>
    <rPh sb="4" eb="7">
      <t>ニュウショシャ</t>
    </rPh>
    <rPh sb="8" eb="10">
      <t>ヒツヨウ</t>
    </rPh>
    <rPh sb="11" eb="12">
      <t>オウ</t>
    </rPh>
    <rPh sb="14" eb="16">
      <t>テキセツ</t>
    </rPh>
    <rPh sb="17" eb="19">
      <t>キョタク</t>
    </rPh>
    <rPh sb="23" eb="24">
      <t>トウ</t>
    </rPh>
    <rPh sb="25" eb="26">
      <t>ウ</t>
    </rPh>
    <phoneticPr fontId="1"/>
  </si>
  <si>
    <t>　よう、必要な措置を講じているか。</t>
    <phoneticPr fontId="1"/>
  </si>
  <si>
    <t>１０　健康管理</t>
    <rPh sb="3" eb="5">
      <t>ケンコウ</t>
    </rPh>
    <rPh sb="5" eb="7">
      <t>カンリ</t>
    </rPh>
    <phoneticPr fontId="1"/>
  </si>
  <si>
    <t>(1) 入所者について、その入所時及び毎年定期に２回以上健康診断を行</t>
    <rPh sb="4" eb="7">
      <t>ニュウショシャ</t>
    </rPh>
    <rPh sb="14" eb="16">
      <t>ニュウショ</t>
    </rPh>
    <rPh sb="16" eb="17">
      <t>ジ</t>
    </rPh>
    <rPh sb="17" eb="18">
      <t>オヨ</t>
    </rPh>
    <rPh sb="19" eb="21">
      <t>マイトシ</t>
    </rPh>
    <rPh sb="21" eb="23">
      <t>テイキ</t>
    </rPh>
    <rPh sb="25" eb="28">
      <t>カイイジョウ</t>
    </rPh>
    <rPh sb="28" eb="30">
      <t>ケンコウ</t>
    </rPh>
    <rPh sb="30" eb="32">
      <t>シンダン</t>
    </rPh>
    <rPh sb="33" eb="34">
      <t>オコナ</t>
    </rPh>
    <phoneticPr fontId="1"/>
  </si>
  <si>
    <t>　っているか。</t>
    <phoneticPr fontId="1"/>
  </si>
  <si>
    <t>１１　勤務体制の確保等</t>
    <rPh sb="3" eb="5">
      <t>キンム</t>
    </rPh>
    <rPh sb="5" eb="7">
      <t>タイセイ</t>
    </rPh>
    <rPh sb="8" eb="10">
      <t>カクホ</t>
    </rPh>
    <rPh sb="10" eb="11">
      <t>トウ</t>
    </rPh>
    <phoneticPr fontId="1"/>
  </si>
  <si>
    <t>１２　業務継続計画の策定等　※令和6年3月31日まで努力義務</t>
    <rPh sb="3" eb="9">
      <t>ギョウムケイゾクケイカク</t>
    </rPh>
    <rPh sb="10" eb="12">
      <t>サクテイ</t>
    </rPh>
    <rPh sb="12" eb="13">
      <t>トウ</t>
    </rPh>
    <rPh sb="15" eb="17">
      <t>レイワ</t>
    </rPh>
    <rPh sb="18" eb="19">
      <t>ネン</t>
    </rPh>
    <rPh sb="20" eb="21">
      <t>ガツ</t>
    </rPh>
    <rPh sb="23" eb="24">
      <t>ニチ</t>
    </rPh>
    <rPh sb="26" eb="28">
      <t>ドリョク</t>
    </rPh>
    <rPh sb="28" eb="30">
      <t>ギム</t>
    </rPh>
    <phoneticPr fontId="1"/>
  </si>
  <si>
    <t>１３　衛生管理等</t>
    <rPh sb="3" eb="5">
      <t>エイセイ</t>
    </rPh>
    <rPh sb="5" eb="8">
      <t>カンリトウ</t>
    </rPh>
    <phoneticPr fontId="1"/>
  </si>
  <si>
    <t>１４　協力病院等</t>
    <rPh sb="3" eb="5">
      <t>キョウリョク</t>
    </rPh>
    <rPh sb="5" eb="7">
      <t>ビョウイン</t>
    </rPh>
    <rPh sb="7" eb="8">
      <t>トウ</t>
    </rPh>
    <phoneticPr fontId="1"/>
  </si>
  <si>
    <t>１５　秘密保持等</t>
    <rPh sb="3" eb="5">
      <t>ヒミツ</t>
    </rPh>
    <rPh sb="5" eb="7">
      <t>ホジ</t>
    </rPh>
    <rPh sb="7" eb="8">
      <t>トウ</t>
    </rPh>
    <phoneticPr fontId="1"/>
  </si>
  <si>
    <t>１６　苦情処理</t>
    <rPh sb="3" eb="5">
      <t>クジョウ</t>
    </rPh>
    <rPh sb="5" eb="7">
      <t>ショリ</t>
    </rPh>
    <phoneticPr fontId="1"/>
  </si>
  <si>
    <t>１７　地域との連携等</t>
    <rPh sb="3" eb="5">
      <t>チイキ</t>
    </rPh>
    <rPh sb="7" eb="9">
      <t>レンケイ</t>
    </rPh>
    <rPh sb="9" eb="10">
      <t>トウ</t>
    </rPh>
    <phoneticPr fontId="1"/>
  </si>
  <si>
    <t>１８　事故発生の防止及び発生時の対応</t>
    <rPh sb="3" eb="7">
      <t>ジコハッセイ</t>
    </rPh>
    <rPh sb="8" eb="10">
      <t>ボウシ</t>
    </rPh>
    <rPh sb="10" eb="11">
      <t>オヨ</t>
    </rPh>
    <rPh sb="12" eb="14">
      <t>ハッセイ</t>
    </rPh>
    <rPh sb="14" eb="15">
      <t>ジ</t>
    </rPh>
    <rPh sb="16" eb="18">
      <t>タイオウ</t>
    </rPh>
    <phoneticPr fontId="1"/>
  </si>
  <si>
    <t>１９　虐待の防止　※令和6年3月31日まで努力義務</t>
    <rPh sb="3" eb="5">
      <t>ギャクタイ</t>
    </rPh>
    <rPh sb="6" eb="8">
      <t>ボウシ</t>
    </rPh>
    <phoneticPr fontId="1"/>
  </si>
  <si>
    <t>(1) 常勤換算方法で、入所者が１００人又はその端数を増すごとに１人</t>
    <rPh sb="4" eb="6">
      <t>ジョウキン</t>
    </rPh>
    <rPh sb="6" eb="8">
      <t>カンサン</t>
    </rPh>
    <rPh sb="8" eb="10">
      <t>ホウホウ</t>
    </rPh>
    <rPh sb="12" eb="15">
      <t>ニュウショシャ</t>
    </rPh>
    <rPh sb="19" eb="20">
      <t>ニン</t>
    </rPh>
    <rPh sb="20" eb="21">
      <t>マタ</t>
    </rPh>
    <rPh sb="24" eb="25">
      <t>ハシ</t>
    </rPh>
    <phoneticPr fontId="1"/>
  </si>
  <si>
    <t>　以上配置しているか。</t>
    <rPh sb="3" eb="5">
      <t>ハイチ</t>
    </rPh>
    <phoneticPr fontId="1"/>
  </si>
  <si>
    <t>　１－２　医師　…………………………………………………………………　９</t>
    <rPh sb="5" eb="7">
      <t>イシ</t>
    </rPh>
    <phoneticPr fontId="1"/>
  </si>
  <si>
    <t>　１－５　看護職員　……………………………………………………………１１</t>
    <rPh sb="5" eb="7">
      <t>カンゴ</t>
    </rPh>
    <rPh sb="7" eb="9">
      <t>ショクイン</t>
    </rPh>
    <phoneticPr fontId="1"/>
  </si>
  <si>
    <t>　１－６　栄養士　………………………………………………………………１１</t>
    <rPh sb="5" eb="8">
      <t>エイヨウシ</t>
    </rPh>
    <phoneticPr fontId="1"/>
  </si>
  <si>
    <t>　１－７　宿直・夜勤職員　……………………………………………………１１</t>
    <rPh sb="5" eb="7">
      <t>シュクチョク</t>
    </rPh>
    <rPh sb="8" eb="10">
      <t>ヤキン</t>
    </rPh>
    <rPh sb="10" eb="12">
      <t>ショクイン</t>
    </rPh>
    <phoneticPr fontId="1"/>
  </si>
  <si>
    <t>　１　運営規程　…………………………………………………………………１５</t>
    <rPh sb="3" eb="5">
      <t>ウンエイ</t>
    </rPh>
    <rPh sb="5" eb="7">
      <t>キテイ</t>
    </rPh>
    <phoneticPr fontId="1"/>
  </si>
  <si>
    <t>　２　非常災害対策　……………………………………………………………１５</t>
    <rPh sb="3" eb="5">
      <t>ヒジョウ</t>
    </rPh>
    <rPh sb="5" eb="7">
      <t>サイガイ</t>
    </rPh>
    <rPh sb="7" eb="9">
      <t>タイサク</t>
    </rPh>
    <phoneticPr fontId="1"/>
  </si>
  <si>
    <t>　３　記録　………………………………………………………………………１７</t>
    <rPh sb="3" eb="5">
      <t>キロク</t>
    </rPh>
    <phoneticPr fontId="1"/>
  </si>
  <si>
    <t>　４　入退所　……………………………………………………………………１７</t>
    <rPh sb="3" eb="4">
      <t>ニュウ</t>
    </rPh>
    <rPh sb="4" eb="6">
      <t>タイショ</t>
    </rPh>
    <phoneticPr fontId="1"/>
  </si>
  <si>
    <t>　６　処遇方針　…………………………………………………………………１９</t>
    <rPh sb="3" eb="5">
      <t>ショグウ</t>
    </rPh>
    <rPh sb="5" eb="7">
      <t>ホウシン</t>
    </rPh>
    <phoneticPr fontId="1"/>
  </si>
  <si>
    <t>　８　生活相談等　………………………………………………………………２１</t>
    <rPh sb="3" eb="5">
      <t>セイカツ</t>
    </rPh>
    <rPh sb="5" eb="7">
      <t>ソウダン</t>
    </rPh>
    <rPh sb="7" eb="8">
      <t>トウ</t>
    </rPh>
    <phoneticPr fontId="1"/>
  </si>
  <si>
    <t>　９　居宅サービス等の利用　…………………………………………………２１</t>
    <rPh sb="3" eb="5">
      <t>キョタク</t>
    </rPh>
    <rPh sb="9" eb="10">
      <t>トウ</t>
    </rPh>
    <rPh sb="11" eb="13">
      <t>リヨウ</t>
    </rPh>
    <phoneticPr fontId="1"/>
  </si>
  <si>
    <t>４　重要事項説明書又は入所時の説明資料</t>
    <rPh sb="2" eb="9">
      <t>ジュウヨウジコウセツメイショ</t>
    </rPh>
    <rPh sb="9" eb="10">
      <t>マタ</t>
    </rPh>
    <rPh sb="11" eb="13">
      <t>ニュウショ</t>
    </rPh>
    <rPh sb="13" eb="14">
      <t>ジ</t>
    </rPh>
    <rPh sb="15" eb="17">
      <t>セツメイ</t>
    </rPh>
    <rPh sb="17" eb="19">
      <t>シリョウ</t>
    </rPh>
    <phoneticPr fontId="1"/>
  </si>
  <si>
    <t>基準条例：鹿児島市養護老人ホームの設備及び運営の基準に関する条例（平成24年条例第41号）</t>
    <rPh sb="0" eb="4">
      <t>キジュンジョウレイ</t>
    </rPh>
    <rPh sb="43" eb="44">
      <t>ゴウ</t>
    </rPh>
    <phoneticPr fontId="1"/>
  </si>
  <si>
    <t>解釈通知：平成12年3月30日付け老発第307号厚生省老人保健福祉局長通知「養護老人ホームの設</t>
    <rPh sb="0" eb="2">
      <t>カイシャク</t>
    </rPh>
    <rPh sb="2" eb="4">
      <t>ツウチ</t>
    </rPh>
    <rPh sb="5" eb="7">
      <t>ヘイセイ</t>
    </rPh>
    <rPh sb="9" eb="10">
      <t>ネン</t>
    </rPh>
    <rPh sb="11" eb="12">
      <t>ガツ</t>
    </rPh>
    <rPh sb="14" eb="15">
      <t>ニチ</t>
    </rPh>
    <rPh sb="15" eb="16">
      <t>ツ</t>
    </rPh>
    <rPh sb="17" eb="18">
      <t>ロウ</t>
    </rPh>
    <rPh sb="18" eb="19">
      <t>ハツ</t>
    </rPh>
    <rPh sb="19" eb="20">
      <t>ダイ</t>
    </rPh>
    <rPh sb="23" eb="24">
      <t>ゴウ</t>
    </rPh>
    <rPh sb="24" eb="27">
      <t>コウセイショウ</t>
    </rPh>
    <rPh sb="27" eb="29">
      <t>ロウジン</t>
    </rPh>
    <rPh sb="29" eb="31">
      <t>ホケン</t>
    </rPh>
    <rPh sb="31" eb="33">
      <t>フクシ</t>
    </rPh>
    <rPh sb="33" eb="35">
      <t>キョクチョウ</t>
    </rPh>
    <rPh sb="35" eb="37">
      <t>ツウチ</t>
    </rPh>
    <rPh sb="38" eb="40">
      <t>ヨウゴ</t>
    </rPh>
    <rPh sb="40" eb="42">
      <t>ロウジン</t>
    </rPh>
    <phoneticPr fontId="1"/>
  </si>
  <si>
    <t>　　　　　備及び運営に関する基準について」（最終改正：令和3年3月19日付け老発0319第6号）</t>
    <rPh sb="46" eb="47">
      <t>ゴウ</t>
    </rPh>
    <phoneticPr fontId="1"/>
  </si>
  <si>
    <t>　　（Ⅳ－２－(1)（p.15）において確認）</t>
    <phoneticPr fontId="1"/>
  </si>
  <si>
    <t>　　（Ⅳ－２－(2)（p.15）において確認）</t>
    <rPh sb="20" eb="22">
      <t>カクニン</t>
    </rPh>
    <phoneticPr fontId="1"/>
  </si>
  <si>
    <t>　　（Ⅳ－２－(4)（p.15）において確認）</t>
    <rPh sb="20" eb="22">
      <t>カクニン</t>
    </rPh>
    <phoneticPr fontId="1"/>
  </si>
  <si>
    <t>　　（Ⅳ－６－(1)（p.19）において確認）</t>
    <rPh sb="20" eb="22">
      <t>カクニン</t>
    </rPh>
    <phoneticPr fontId="1"/>
  </si>
  <si>
    <t>　　（Ⅳ－６－(2)（p.19）において確認）</t>
    <phoneticPr fontId="1"/>
  </si>
  <si>
    <t>　　ているか。（年２回以上）（Ⅳ－６－(2)（p.19）において確認）</t>
    <rPh sb="8" eb="9">
      <t>ネン</t>
    </rPh>
    <rPh sb="10" eb="13">
      <t>カイイジョウ</t>
    </rPh>
    <phoneticPr fontId="1"/>
  </si>
  <si>
    <t>　No.7　老人福祉施設
　(1) 養護老人ホーム</t>
    <rPh sb="6" eb="8">
      <t>ロウジン</t>
    </rPh>
    <rPh sb="8" eb="10">
      <t>フクシ</t>
    </rPh>
    <rPh sb="10" eb="12">
      <t>シセツ</t>
    </rPh>
    <rPh sb="18" eb="20">
      <t>ヨウゴ</t>
    </rPh>
    <rPh sb="20" eb="22">
      <t>ロウジン</t>
    </rPh>
    <phoneticPr fontId="1"/>
  </si>
  <si>
    <t>監査年月日</t>
    <rPh sb="0" eb="2">
      <t>カンサ</t>
    </rPh>
    <rPh sb="2" eb="5">
      <t>ネンガッピ</t>
    </rPh>
    <phoneticPr fontId="1"/>
  </si>
  <si>
    <t>令和　　年　　月　　日（　　）</t>
    <rPh sb="0" eb="2">
      <t>レイワ</t>
    </rPh>
    <rPh sb="4" eb="5">
      <t>ネン</t>
    </rPh>
    <rPh sb="7" eb="8">
      <t>ガツ</t>
    </rPh>
    <rPh sb="10" eb="11">
      <t>ニチ</t>
    </rPh>
    <phoneticPr fontId="1"/>
  </si>
  <si>
    <t>職・氏名</t>
    <rPh sb="0" eb="1">
      <t>ショク</t>
    </rPh>
    <rPh sb="2" eb="4">
      <t>シメイ</t>
    </rPh>
    <phoneticPr fontId="1"/>
  </si>
  <si>
    <t>指導監査課</t>
    <rPh sb="0" eb="2">
      <t>シドウ</t>
    </rPh>
    <rPh sb="2" eb="4">
      <t>カンサ</t>
    </rPh>
    <rPh sb="4" eb="5">
      <t>カ</t>
    </rPh>
    <phoneticPr fontId="1"/>
  </si>
  <si>
    <t>(1) 常勤換算方法で、入所者が３０人又はその端数を増すごとに１人以</t>
    <rPh sb="4" eb="6">
      <t>ジョウキン</t>
    </rPh>
    <rPh sb="6" eb="8">
      <t>カンサン</t>
    </rPh>
    <rPh sb="8" eb="10">
      <t>ホウホウ</t>
    </rPh>
    <rPh sb="12" eb="15">
      <t>ニュウショシャ</t>
    </rPh>
    <rPh sb="18" eb="19">
      <t>ニン</t>
    </rPh>
    <rPh sb="19" eb="20">
      <t>マタ</t>
    </rPh>
    <rPh sb="23" eb="25">
      <t>ハスウ</t>
    </rPh>
    <rPh sb="26" eb="27">
      <t>マ</t>
    </rPh>
    <rPh sb="32" eb="33">
      <t>ニン</t>
    </rPh>
    <rPh sb="33" eb="34">
      <t>イ</t>
    </rPh>
    <phoneticPr fontId="1"/>
  </si>
  <si>
    <t>　上配置しているか。</t>
    <phoneticPr fontId="1"/>
  </si>
  <si>
    <t>(1) 常勤換算方法で、一般入所者が１５人又はその端数を増すごとに１</t>
    <rPh sb="4" eb="6">
      <t>ジョウキン</t>
    </rPh>
    <rPh sb="6" eb="8">
      <t>カンサン</t>
    </rPh>
    <rPh sb="8" eb="10">
      <t>ホウホウ</t>
    </rPh>
    <rPh sb="12" eb="14">
      <t>イッパン</t>
    </rPh>
    <rPh sb="14" eb="17">
      <t>ニュウショシャ</t>
    </rPh>
    <rPh sb="20" eb="21">
      <t>ニン</t>
    </rPh>
    <rPh sb="21" eb="22">
      <t>マタ</t>
    </rPh>
    <phoneticPr fontId="1"/>
  </si>
  <si>
    <t>　人以上配置しているか。</t>
    <rPh sb="1" eb="2">
      <t>ニン</t>
    </rPh>
    <rPh sb="4" eb="6">
      <t>ハイチ</t>
    </rPh>
    <phoneticPr fontId="1"/>
  </si>
  <si>
    <t>(2) 支援員のうち、１人を常勤の主任支援員としているか。</t>
    <rPh sb="4" eb="6">
      <t>シエン</t>
    </rPh>
    <rPh sb="6" eb="7">
      <t>イン</t>
    </rPh>
    <rPh sb="12" eb="13">
      <t>ニン</t>
    </rPh>
    <rPh sb="14" eb="16">
      <t>ジョウキン</t>
    </rPh>
    <rPh sb="17" eb="19">
      <t>シュニン</t>
    </rPh>
    <rPh sb="19" eb="21">
      <t>シエン</t>
    </rPh>
    <rPh sb="21" eb="22">
      <t>イン</t>
    </rPh>
    <phoneticPr fontId="1"/>
  </si>
  <si>
    <t>(2) 非常災害時の連絡網等を作成しているか。</t>
    <rPh sb="4" eb="6">
      <t>ヒジョウ</t>
    </rPh>
    <rPh sb="6" eb="8">
      <t>サイガイ</t>
    </rPh>
    <rPh sb="8" eb="9">
      <t>ジ</t>
    </rPh>
    <rPh sb="10" eb="13">
      <t>レンラクモウ</t>
    </rPh>
    <rPh sb="13" eb="14">
      <t>トウ</t>
    </rPh>
    <rPh sb="15" eb="17">
      <t>サクセイ</t>
    </rPh>
    <phoneticPr fontId="1"/>
  </si>
  <si>
    <t>(2) 処遇に関する計画を入所者や家族に説明し、同意を得ているか。</t>
    <rPh sb="4" eb="6">
      <t>ショグウ</t>
    </rPh>
    <rPh sb="7" eb="8">
      <t>カン</t>
    </rPh>
    <rPh sb="10" eb="12">
      <t>ケイカク</t>
    </rPh>
    <rPh sb="13" eb="16">
      <t>ニュウショシャ</t>
    </rPh>
    <rPh sb="17" eb="19">
      <t>カゾク</t>
    </rPh>
    <rPh sb="20" eb="22">
      <t>セツメイ</t>
    </rPh>
    <rPh sb="24" eb="26">
      <t>ドウイ</t>
    </rPh>
    <rPh sb="27" eb="28">
      <t>エ</t>
    </rPh>
    <phoneticPr fontId="1"/>
  </si>
  <si>
    <t>　的拘束その他入所者の行動を制限する行為を行っていないか。</t>
    <rPh sb="1" eb="2">
      <t>テキ</t>
    </rPh>
    <phoneticPr fontId="1"/>
  </si>
  <si>
    <t>　・身体的拘束適正化検討委員会を３か月に１回以上開催し、結果を職</t>
    <rPh sb="2" eb="5">
      <t>シンタイテキ</t>
    </rPh>
    <rPh sb="5" eb="7">
      <t>コウソク</t>
    </rPh>
    <rPh sb="7" eb="10">
      <t>テキセイカ</t>
    </rPh>
    <rPh sb="10" eb="12">
      <t>ケントウ</t>
    </rPh>
    <rPh sb="12" eb="15">
      <t>イインカイ</t>
    </rPh>
    <rPh sb="18" eb="19">
      <t>ツキ</t>
    </rPh>
    <rPh sb="21" eb="22">
      <t>カイ</t>
    </rPh>
    <rPh sb="22" eb="24">
      <t>イジョウ</t>
    </rPh>
    <rPh sb="24" eb="26">
      <t>カイサイ</t>
    </rPh>
    <rPh sb="28" eb="30">
      <t>ケッカ</t>
    </rPh>
    <rPh sb="31" eb="32">
      <t>ショク</t>
    </rPh>
    <phoneticPr fontId="1"/>
  </si>
  <si>
    <t>　　員に周知しているか。</t>
    <rPh sb="4" eb="6">
      <t>シュウチ</t>
    </rPh>
    <phoneticPr fontId="1"/>
  </si>
  <si>
    <t>(2) 身体的拘束等の適正化を図っているか。（身体的拘束等を行わない</t>
    <rPh sb="4" eb="6">
      <t>シンタイ</t>
    </rPh>
    <rPh sb="6" eb="7">
      <t>テキ</t>
    </rPh>
    <rPh sb="7" eb="9">
      <t>コウソク</t>
    </rPh>
    <rPh sb="9" eb="10">
      <t>トウ</t>
    </rPh>
    <rPh sb="11" eb="14">
      <t>テキセイカ</t>
    </rPh>
    <rPh sb="15" eb="16">
      <t>ハカ</t>
    </rPh>
    <rPh sb="23" eb="25">
      <t>シンタイ</t>
    </rPh>
    <rPh sb="25" eb="26">
      <t>テキ</t>
    </rPh>
    <rPh sb="26" eb="28">
      <t>コウソク</t>
    </rPh>
    <rPh sb="28" eb="29">
      <t>トウ</t>
    </rPh>
    <rPh sb="30" eb="31">
      <t>オコナ</t>
    </rPh>
    <phoneticPr fontId="1"/>
  </si>
  <si>
    <t>　体制づくりを進める策を講じているか。）</t>
    <phoneticPr fontId="1"/>
  </si>
  <si>
    <t>(1) 必要に応じて衛生管理について保健所の助言・指導を求め、密接な</t>
    <rPh sb="4" eb="6">
      <t>ヒツヨウ</t>
    </rPh>
    <rPh sb="7" eb="8">
      <t>オウ</t>
    </rPh>
    <rPh sb="10" eb="12">
      <t>エイセイ</t>
    </rPh>
    <rPh sb="12" eb="14">
      <t>カンリ</t>
    </rPh>
    <rPh sb="18" eb="21">
      <t>ホケンジョ</t>
    </rPh>
    <rPh sb="22" eb="24">
      <t>ジョゲン</t>
    </rPh>
    <rPh sb="25" eb="27">
      <t>シドウ</t>
    </rPh>
    <rPh sb="28" eb="29">
      <t>モト</t>
    </rPh>
    <phoneticPr fontId="1"/>
  </si>
  <si>
    <t>(2) 資質向上のために研修の機会を確保しているか。</t>
    <rPh sb="4" eb="6">
      <t>シシツ</t>
    </rPh>
    <rPh sb="6" eb="8">
      <t>コウジョウ</t>
    </rPh>
    <rPh sb="12" eb="14">
      <t>ケンシュウ</t>
    </rPh>
    <rPh sb="15" eb="17">
      <t>キカイ</t>
    </rPh>
    <rPh sb="18" eb="20">
      <t>カクホ</t>
    </rPh>
    <phoneticPr fontId="1"/>
  </si>
  <si>
    <t>(3) 認知症介護に係る基礎的な研修を受講させるために必要な措置を講</t>
    <rPh sb="4" eb="7">
      <t>ニンチショウ</t>
    </rPh>
    <rPh sb="7" eb="9">
      <t>カイゴ</t>
    </rPh>
    <rPh sb="10" eb="11">
      <t>カカ</t>
    </rPh>
    <rPh sb="12" eb="15">
      <t>キソテキ</t>
    </rPh>
    <rPh sb="16" eb="18">
      <t>ケンシュウ</t>
    </rPh>
    <rPh sb="19" eb="21">
      <t>ジュコウ</t>
    </rPh>
    <rPh sb="27" eb="29">
      <t>ヒツヨウ</t>
    </rPh>
    <rPh sb="30" eb="31">
      <t>ソ</t>
    </rPh>
    <phoneticPr fontId="1"/>
  </si>
  <si>
    <t>(4) 性的言動、優越的な関係を背景とした言動による就業環境が害され</t>
    <rPh sb="4" eb="6">
      <t>セイテキ</t>
    </rPh>
    <rPh sb="6" eb="8">
      <t>ゲンドウ</t>
    </rPh>
    <rPh sb="9" eb="12">
      <t>ユウエツテキ</t>
    </rPh>
    <rPh sb="13" eb="15">
      <t>カンケイ</t>
    </rPh>
    <rPh sb="16" eb="18">
      <t>ハイケイ</t>
    </rPh>
    <rPh sb="21" eb="23">
      <t>ゲンドウ</t>
    </rPh>
    <rPh sb="26" eb="28">
      <t>シュウギョウ</t>
    </rPh>
    <rPh sb="28" eb="30">
      <t>カンキョウ</t>
    </rPh>
    <phoneticPr fontId="1"/>
  </si>
  <si>
    <t>□感染症及び食中毒の予</t>
    <rPh sb="1" eb="4">
      <t>カンセンショウ</t>
    </rPh>
    <rPh sb="4" eb="5">
      <t>オヨ</t>
    </rPh>
    <rPh sb="6" eb="9">
      <t>ショクチュウドク</t>
    </rPh>
    <rPh sb="10" eb="11">
      <t>ヨ</t>
    </rPh>
    <phoneticPr fontId="1"/>
  </si>
  <si>
    <t>　防及びまん延の防止の</t>
    <rPh sb="1" eb="2">
      <t>ボウ</t>
    </rPh>
    <rPh sb="2" eb="3">
      <t>オヨ</t>
    </rPh>
    <rPh sb="6" eb="7">
      <t>エン</t>
    </rPh>
    <rPh sb="8" eb="10">
      <t>ボウシ</t>
    </rPh>
    <phoneticPr fontId="1"/>
  </si>
  <si>
    <t>　ための指針</t>
    <rPh sb="4" eb="6">
      <t>シシン</t>
    </rPh>
    <phoneticPr fontId="1"/>
  </si>
  <si>
    <t>□事故発生の防止のため</t>
    <rPh sb="1" eb="3">
      <t>ジコ</t>
    </rPh>
    <rPh sb="3" eb="5">
      <t>ハッセイ</t>
    </rPh>
    <rPh sb="6" eb="8">
      <t>ボウシ</t>
    </rPh>
    <phoneticPr fontId="1"/>
  </si>
  <si>
    <t>　の指針</t>
    <phoneticPr fontId="1"/>
  </si>
  <si>
    <t>前年度実施日</t>
    <rPh sb="0" eb="3">
      <t>ゼンネンド</t>
    </rPh>
    <rPh sb="3" eb="5">
      <t>ジッシ</t>
    </rPh>
    <rPh sb="5" eb="6">
      <t>ヒ</t>
    </rPh>
    <phoneticPr fontId="1"/>
  </si>
  <si>
    <t>前年度開催日</t>
    <rPh sb="0" eb="3">
      <t>ゼンネンド</t>
    </rPh>
    <rPh sb="3" eb="5">
      <t>カイサイ</t>
    </rPh>
    <rPh sb="5" eb="6">
      <t>ヒ</t>
    </rPh>
    <phoneticPr fontId="1"/>
  </si>
  <si>
    <t>　　的拘束その他入所者の行動を制限する行為を行っていないか。</t>
    <rPh sb="2" eb="3">
      <t>テキ</t>
    </rPh>
    <phoneticPr fontId="1"/>
  </si>
  <si>
    <t>　・緊急やむを得ず身体的拘束等を行う場合には、入所者や家族に対し</t>
    <rPh sb="2" eb="4">
      <t>キンキュウ</t>
    </rPh>
    <rPh sb="7" eb="8">
      <t>エ</t>
    </rPh>
    <rPh sb="9" eb="11">
      <t>シンタイ</t>
    </rPh>
    <rPh sb="11" eb="12">
      <t>テキ</t>
    </rPh>
    <rPh sb="12" eb="14">
      <t>コウソク</t>
    </rPh>
    <rPh sb="14" eb="15">
      <t>トウ</t>
    </rPh>
    <rPh sb="16" eb="17">
      <t>オコナ</t>
    </rPh>
    <rPh sb="18" eb="20">
      <t>バアイ</t>
    </rPh>
    <rPh sb="23" eb="26">
      <t>ニュウショシャ</t>
    </rPh>
    <rPh sb="27" eb="28">
      <t>イエ</t>
    </rPh>
    <phoneticPr fontId="1"/>
  </si>
  <si>
    <t>　　て、身体的拘束等の内容、目的、理由、拘束の時間、時間帯、期間</t>
    <rPh sb="4" eb="6">
      <t>シンタイ</t>
    </rPh>
    <rPh sb="6" eb="7">
      <t>テキ</t>
    </rPh>
    <rPh sb="7" eb="9">
      <t>コウソク</t>
    </rPh>
    <rPh sb="9" eb="10">
      <t>トウ</t>
    </rPh>
    <rPh sb="11" eb="13">
      <t>ナイヨウ</t>
    </rPh>
    <rPh sb="14" eb="16">
      <t>モクテキ</t>
    </rPh>
    <rPh sb="17" eb="19">
      <t>リユウ</t>
    </rPh>
    <rPh sb="20" eb="22">
      <t>コウソク</t>
    </rPh>
    <rPh sb="23" eb="25">
      <t>ジカン</t>
    </rPh>
    <rPh sb="26" eb="27">
      <t>トキ</t>
    </rPh>
    <phoneticPr fontId="1"/>
  </si>
  <si>
    <t>　　等をできる限り詳細に説明し、十分な理解を得るよう努めているか。</t>
    <rPh sb="7" eb="8">
      <t>カギ</t>
    </rPh>
    <rPh sb="9" eb="11">
      <t>ショウサイ</t>
    </rPh>
    <rPh sb="12" eb="14">
      <t>セツメイ</t>
    </rPh>
    <rPh sb="16" eb="18">
      <t>ジュウブン</t>
    </rPh>
    <rPh sb="19" eb="21">
      <t>リカイ</t>
    </rPh>
    <rPh sb="22" eb="23">
      <t>エ</t>
    </rPh>
    <phoneticPr fontId="1"/>
  </si>
  <si>
    <t>(1) 地域住民やボランティア団体等との連携、協力を行うなど地域との</t>
    <rPh sb="4" eb="6">
      <t>チイキ</t>
    </rPh>
    <rPh sb="6" eb="8">
      <t>ジュウミン</t>
    </rPh>
    <rPh sb="15" eb="17">
      <t>ダンタイ</t>
    </rPh>
    <rPh sb="17" eb="18">
      <t>トウ</t>
    </rPh>
    <rPh sb="20" eb="22">
      <t>レンケイ</t>
    </rPh>
    <rPh sb="23" eb="25">
      <t>キョウリョク</t>
    </rPh>
    <rPh sb="26" eb="27">
      <t>オコナ</t>
    </rPh>
    <phoneticPr fontId="1"/>
  </si>
  <si>
    <t>　交流を図っているか。</t>
    <rPh sb="1" eb="3">
      <t>コウリュウ</t>
    </rPh>
    <rPh sb="4" eb="5">
      <t>ハカ</t>
    </rPh>
    <phoneticPr fontId="1"/>
  </si>
  <si>
    <t>(2) 介護サービス相談員を積極的に受け入れるなど市の事業に協力する</t>
    <rPh sb="4" eb="6">
      <t>カイゴ</t>
    </rPh>
    <rPh sb="10" eb="13">
      <t>ソウダンイン</t>
    </rPh>
    <rPh sb="14" eb="17">
      <t>セッキョクテキ</t>
    </rPh>
    <rPh sb="18" eb="19">
      <t>ウ</t>
    </rPh>
    <rPh sb="20" eb="21">
      <t>イ</t>
    </rPh>
    <rPh sb="25" eb="26">
      <t>シ</t>
    </rPh>
    <rPh sb="27" eb="29">
      <t>ジギョウ</t>
    </rPh>
    <phoneticPr fontId="1"/>
  </si>
  <si>
    <t>　よう努めているか。</t>
    <phoneticPr fontId="1"/>
  </si>
  <si>
    <t>　・身体的拘束適正化検討委員会を３か月に１回以上開催し、結果を職</t>
    <rPh sb="2" eb="5">
      <t>シンタイテキ</t>
    </rPh>
    <rPh sb="5" eb="7">
      <t>コウソク</t>
    </rPh>
    <rPh sb="7" eb="10">
      <t>テキセイカ</t>
    </rPh>
    <rPh sb="10" eb="12">
      <t>ケントウ</t>
    </rPh>
    <rPh sb="12" eb="15">
      <t>イインカイ</t>
    </rPh>
    <rPh sb="18" eb="19">
      <t>ツキ</t>
    </rPh>
    <rPh sb="21" eb="24">
      <t>カイイジョウ</t>
    </rPh>
    <rPh sb="24" eb="26">
      <t>カイサイ</t>
    </rPh>
    <rPh sb="28" eb="30">
      <t>ケッカ</t>
    </rPh>
    <phoneticPr fontId="1"/>
  </si>
  <si>
    <t>　　員に周知しているか。（Ⅳ－６－(2)（p.19）において確認）</t>
    <rPh sb="4" eb="6">
      <t>シュウチ</t>
    </rPh>
    <phoneticPr fontId="1"/>
  </si>
  <si>
    <t>入所者一覧表（自主点検日現在）</t>
    <rPh sb="0" eb="3">
      <t>ニュウショシャ</t>
    </rPh>
    <rPh sb="3" eb="6">
      <t>イチランヒョウ</t>
    </rPh>
    <rPh sb="7" eb="9">
      <t>ジシュ</t>
    </rPh>
    <rPh sb="9" eb="11">
      <t>テンケン</t>
    </rPh>
    <rPh sb="11" eb="12">
      <t>ビ</t>
    </rPh>
    <rPh sb="12" eb="14">
      <t>ゲンザイ</t>
    </rPh>
    <phoneticPr fontId="1"/>
  </si>
  <si>
    <t>　※既存の資料で確認できる場合は、当該資料をご提出ください。その場合、本表の作成は不要です。</t>
    <rPh sb="2" eb="4">
      <t>キゾン</t>
    </rPh>
    <rPh sb="5" eb="7">
      <t>シリョウ</t>
    </rPh>
    <rPh sb="8" eb="10">
      <t>カクニン</t>
    </rPh>
    <rPh sb="13" eb="15">
      <t>バアイ</t>
    </rPh>
    <rPh sb="17" eb="19">
      <t>トウガイ</t>
    </rPh>
    <rPh sb="19" eb="21">
      <t>シリョウ</t>
    </rPh>
    <rPh sb="23" eb="25">
      <t>テイシュツ</t>
    </rPh>
    <rPh sb="32" eb="34">
      <t>バアイ</t>
    </rPh>
    <rPh sb="35" eb="36">
      <t>ホン</t>
    </rPh>
    <rPh sb="36" eb="37">
      <t>ピョウ</t>
    </rPh>
    <rPh sb="38" eb="40">
      <t>サクセイ</t>
    </rPh>
    <rPh sb="41" eb="43">
      <t>フヨウ</t>
    </rPh>
    <phoneticPr fontId="1"/>
  </si>
  <si>
    <t>番号</t>
    <rPh sb="0" eb="2">
      <t>バンゴウ</t>
    </rPh>
    <phoneticPr fontId="1"/>
  </si>
  <si>
    <t>氏名</t>
    <rPh sb="0" eb="2">
      <t>シメイ</t>
    </rPh>
    <phoneticPr fontId="1"/>
  </si>
  <si>
    <t>年齢</t>
    <rPh sb="0" eb="2">
      <t>ネンレイ</t>
    </rPh>
    <phoneticPr fontId="1"/>
  </si>
  <si>
    <t>入所年月日</t>
    <rPh sb="0" eb="2">
      <t>ニュウショ</t>
    </rPh>
    <rPh sb="2" eb="5">
      <t>ネンガッピ</t>
    </rPh>
    <phoneticPr fontId="1"/>
  </si>
  <si>
    <t>前年度の施設入所者等の状況</t>
    <rPh sb="0" eb="3">
      <t>ゼンネンド</t>
    </rPh>
    <rPh sb="4" eb="6">
      <t>シセツ</t>
    </rPh>
    <rPh sb="6" eb="9">
      <t>ニュウショシャ</t>
    </rPh>
    <rPh sb="9" eb="10">
      <t>トウ</t>
    </rPh>
    <rPh sb="11" eb="13">
      <t>ジョウキョウ</t>
    </rPh>
    <phoneticPr fontId="1"/>
  </si>
  <si>
    <t>月</t>
    <rPh sb="0" eb="1">
      <t>ツキ</t>
    </rPh>
    <phoneticPr fontId="1"/>
  </si>
  <si>
    <t>日数
（Ａ）</t>
    <rPh sb="0" eb="2">
      <t>ニッスウ</t>
    </rPh>
    <phoneticPr fontId="1"/>
  </si>
  <si>
    <t>一般入所者</t>
    <rPh sb="0" eb="2">
      <t>イッパン</t>
    </rPh>
    <rPh sb="2" eb="5">
      <t>ニュウショシャ</t>
    </rPh>
    <phoneticPr fontId="1"/>
  </si>
  <si>
    <t>特定施設サービス利用者</t>
    <rPh sb="0" eb="2">
      <t>トクテイ</t>
    </rPh>
    <rPh sb="2" eb="4">
      <t>シセツ</t>
    </rPh>
    <rPh sb="8" eb="11">
      <t>リヨウシャ</t>
    </rPh>
    <phoneticPr fontId="1"/>
  </si>
  <si>
    <t>計</t>
    <rPh sb="0" eb="1">
      <t>ケイ</t>
    </rPh>
    <phoneticPr fontId="1"/>
  </si>
  <si>
    <r>
      <t>延べ入所者数</t>
    </r>
    <r>
      <rPr>
        <sz val="8"/>
        <rFont val="HGｺﾞｼｯｸM"/>
        <family val="3"/>
        <charset val="128"/>
      </rPr>
      <t>（Ｂ）</t>
    </r>
    <rPh sb="0" eb="1">
      <t>ノ</t>
    </rPh>
    <rPh sb="2" eb="5">
      <t>ニュウショシャ</t>
    </rPh>
    <rPh sb="5" eb="6">
      <t>スウ</t>
    </rPh>
    <phoneticPr fontId="1"/>
  </si>
  <si>
    <r>
      <t>平均入所者数</t>
    </r>
    <r>
      <rPr>
        <sz val="8"/>
        <rFont val="HGｺﾞｼｯｸM"/>
        <family val="3"/>
        <charset val="128"/>
      </rPr>
      <t>（Ｂ／Ａ）</t>
    </r>
    <rPh sb="0" eb="2">
      <t>ヘイキン</t>
    </rPh>
    <rPh sb="2" eb="5">
      <t>ニュウショシャ</t>
    </rPh>
    <rPh sb="5" eb="6">
      <t>スウ</t>
    </rPh>
    <phoneticPr fontId="1"/>
  </si>
  <si>
    <r>
      <t>延べ入所者数</t>
    </r>
    <r>
      <rPr>
        <sz val="8"/>
        <rFont val="HGｺﾞｼｯｸM"/>
        <family val="3"/>
        <charset val="128"/>
      </rPr>
      <t>（Ｃ）</t>
    </r>
    <rPh sb="0" eb="1">
      <t>ノ</t>
    </rPh>
    <rPh sb="2" eb="4">
      <t>ニュウショ</t>
    </rPh>
    <rPh sb="4" eb="5">
      <t>シャ</t>
    </rPh>
    <rPh sb="5" eb="6">
      <t>スウ</t>
    </rPh>
    <phoneticPr fontId="1"/>
  </si>
  <si>
    <r>
      <t>平均入所者数</t>
    </r>
    <r>
      <rPr>
        <sz val="8"/>
        <rFont val="HGｺﾞｼｯｸM"/>
        <family val="3"/>
        <charset val="128"/>
      </rPr>
      <t>（Ｃ／Ａ）</t>
    </r>
    <rPh sb="0" eb="2">
      <t>ヘイキン</t>
    </rPh>
    <rPh sb="2" eb="4">
      <t>ニュウショ</t>
    </rPh>
    <rPh sb="4" eb="5">
      <t>シャ</t>
    </rPh>
    <rPh sb="5" eb="6">
      <t>スウ</t>
    </rPh>
    <phoneticPr fontId="1"/>
  </si>
  <si>
    <r>
      <t xml:space="preserve">延べ入所者数
</t>
    </r>
    <r>
      <rPr>
        <sz val="8"/>
        <rFont val="HGｺﾞｼｯｸM"/>
        <family val="3"/>
        <charset val="128"/>
      </rPr>
      <t>（Ｄ：Ｂ＋Ｃ）</t>
    </r>
    <rPh sb="0" eb="1">
      <t>ノ</t>
    </rPh>
    <rPh sb="2" eb="4">
      <t>ニュウショ</t>
    </rPh>
    <rPh sb="5" eb="6">
      <t>スウ</t>
    </rPh>
    <phoneticPr fontId="1"/>
  </si>
  <si>
    <r>
      <t xml:space="preserve">平均入所者数
</t>
    </r>
    <r>
      <rPr>
        <sz val="8"/>
        <rFont val="HGｺﾞｼｯｸM"/>
        <family val="3"/>
        <charset val="128"/>
      </rPr>
      <t>（Ｄ／Ａ）</t>
    </r>
    <rPh sb="0" eb="2">
      <t>ヘイキン</t>
    </rPh>
    <rPh sb="2" eb="4">
      <t>ニュウショ</t>
    </rPh>
    <rPh sb="5" eb="6">
      <t>スウ</t>
    </rPh>
    <phoneticPr fontId="1"/>
  </si>
  <si>
    <t>４月</t>
    <rPh sb="1" eb="2">
      <t>ガツ</t>
    </rPh>
    <phoneticPr fontId="1"/>
  </si>
  <si>
    <t>５月</t>
  </si>
  <si>
    <t>６月</t>
  </si>
  <si>
    <t>７月</t>
  </si>
  <si>
    <t>８月</t>
  </si>
  <si>
    <t>９月</t>
  </si>
  <si>
    <t>１０月</t>
  </si>
  <si>
    <t>１１月</t>
  </si>
  <si>
    <t>１２月</t>
  </si>
  <si>
    <t>１月</t>
  </si>
  <si>
    <t>２月</t>
  </si>
  <si>
    <t>３月</t>
  </si>
  <si>
    <t>合計</t>
    <rPh sb="0" eb="2">
      <t>ゴウケイ</t>
    </rPh>
    <phoneticPr fontId="1"/>
  </si>
  <si>
    <t>※　記入上の留意事項</t>
    <rPh sb="2" eb="4">
      <t>キニュウ</t>
    </rPh>
    <rPh sb="4" eb="5">
      <t>ジョウ</t>
    </rPh>
    <rPh sb="6" eb="8">
      <t>リュウイ</t>
    </rPh>
    <rPh sb="8" eb="10">
      <t>ジコウ</t>
    </rPh>
    <phoneticPr fontId="1"/>
  </si>
  <si>
    <t>　１　延べ入所者数は、入所した日を含み、退所した日は含まないこと。</t>
    <rPh sb="3" eb="4">
      <t>ノ</t>
    </rPh>
    <rPh sb="5" eb="8">
      <t>ニュウショシャ</t>
    </rPh>
    <rPh sb="8" eb="9">
      <t>スウ</t>
    </rPh>
    <rPh sb="11" eb="13">
      <t>ニュウショ</t>
    </rPh>
    <rPh sb="15" eb="16">
      <t>ヒ</t>
    </rPh>
    <rPh sb="17" eb="18">
      <t>フク</t>
    </rPh>
    <rPh sb="20" eb="22">
      <t>タイショ</t>
    </rPh>
    <rPh sb="24" eb="25">
      <t>ヒ</t>
    </rPh>
    <rPh sb="26" eb="27">
      <t>フク</t>
    </rPh>
    <phoneticPr fontId="1"/>
  </si>
  <si>
    <t>　　　また、入院・外泊期間中の入所者を除いて差し支えないこと。</t>
    <rPh sb="6" eb="8">
      <t>ニュウイン</t>
    </rPh>
    <rPh sb="9" eb="11">
      <t>ガイハク</t>
    </rPh>
    <rPh sb="11" eb="14">
      <t>キカンチュウ</t>
    </rPh>
    <rPh sb="15" eb="18">
      <t>ニュウショシャ</t>
    </rPh>
    <rPh sb="19" eb="20">
      <t>ノゾ</t>
    </rPh>
    <rPh sb="22" eb="23">
      <t>サ</t>
    </rPh>
    <rPh sb="24" eb="25">
      <t>ツカ</t>
    </rPh>
    <phoneticPr fontId="1"/>
  </si>
  <si>
    <t>　２　平均入所者数は、小数点第２位以下を切り上げること。</t>
    <rPh sb="3" eb="5">
      <t>ヘイキン</t>
    </rPh>
    <rPh sb="5" eb="8">
      <t>ニュウショシャ</t>
    </rPh>
    <rPh sb="8" eb="9">
      <t>スウ</t>
    </rPh>
    <rPh sb="11" eb="14">
      <t>ショウスウテン</t>
    </rPh>
    <rPh sb="14" eb="15">
      <t>ダイ</t>
    </rPh>
    <rPh sb="16" eb="17">
      <t>イ</t>
    </rPh>
    <rPh sb="17" eb="19">
      <t>イカ</t>
    </rPh>
    <rPh sb="20" eb="21">
      <t>キ</t>
    </rPh>
    <rPh sb="22" eb="23">
      <t>ア</t>
    </rPh>
    <phoneticPr fontId="1"/>
  </si>
  <si>
    <t>　３　エクセルで作成する場合、合計欄及び平均入所者数欄は、自動計算されるため入力不要。</t>
    <rPh sb="8" eb="10">
      <t>サクセイ</t>
    </rPh>
    <rPh sb="12" eb="14">
      <t>バアイ</t>
    </rPh>
    <rPh sb="15" eb="17">
      <t>ゴウケイ</t>
    </rPh>
    <rPh sb="17" eb="18">
      <t>ラン</t>
    </rPh>
    <rPh sb="18" eb="19">
      <t>オヨ</t>
    </rPh>
    <rPh sb="20" eb="22">
      <t>ヘイキン</t>
    </rPh>
    <rPh sb="22" eb="25">
      <t>ニュウショシャ</t>
    </rPh>
    <rPh sb="25" eb="26">
      <t>スウ</t>
    </rPh>
    <rPh sb="26" eb="27">
      <t>ラン</t>
    </rPh>
    <rPh sb="29" eb="31">
      <t>ジドウ</t>
    </rPh>
    <rPh sb="31" eb="33">
      <t>ケイサン</t>
    </rPh>
    <rPh sb="38" eb="40">
      <t>ニュウリョク</t>
    </rPh>
    <rPh sb="40" eb="42">
      <t>フヨウ</t>
    </rPh>
    <phoneticPr fontId="1"/>
  </si>
  <si>
    <t>防災訓練の実施状況（前年度及び今年度）</t>
    <rPh sb="0" eb="2">
      <t>ボウサイ</t>
    </rPh>
    <rPh sb="2" eb="4">
      <t>クンレン</t>
    </rPh>
    <rPh sb="5" eb="7">
      <t>ジッシ</t>
    </rPh>
    <rPh sb="7" eb="9">
      <t>ジョウキョウ</t>
    </rPh>
    <rPh sb="10" eb="13">
      <t>ゼンネンド</t>
    </rPh>
    <rPh sb="13" eb="14">
      <t>オヨ</t>
    </rPh>
    <rPh sb="15" eb="18">
      <t>コンネンド</t>
    </rPh>
    <phoneticPr fontId="1"/>
  </si>
  <si>
    <t>実施（予定）日</t>
    <rPh sb="0" eb="2">
      <t>ジッシ</t>
    </rPh>
    <rPh sb="3" eb="5">
      <t>ヨテイ</t>
    </rPh>
    <rPh sb="6" eb="7">
      <t>ヒ</t>
    </rPh>
    <phoneticPr fontId="1"/>
  </si>
  <si>
    <t>想定した災害</t>
    <rPh sb="0" eb="2">
      <t>ソウテイ</t>
    </rPh>
    <rPh sb="4" eb="6">
      <t>サイガイ</t>
    </rPh>
    <phoneticPr fontId="1"/>
  </si>
  <si>
    <t>内容</t>
    <rPh sb="0" eb="2">
      <t>ナイヨウ</t>
    </rPh>
    <phoneticPr fontId="1"/>
  </si>
  <si>
    <t>夜間想定</t>
    <rPh sb="0" eb="2">
      <t>ヤカン</t>
    </rPh>
    <rPh sb="2" eb="4">
      <t>ソウテイ</t>
    </rPh>
    <phoneticPr fontId="1"/>
  </si>
  <si>
    <t>消防機関への届出</t>
    <rPh sb="0" eb="2">
      <t>ショウボウ</t>
    </rPh>
    <rPh sb="2" eb="4">
      <t>キカン</t>
    </rPh>
    <rPh sb="6" eb="8">
      <t>トドケデ</t>
    </rPh>
    <phoneticPr fontId="1"/>
  </si>
  <si>
    <t>消防機関の立会い</t>
    <rPh sb="0" eb="2">
      <t>ショウボウ</t>
    </rPh>
    <rPh sb="2" eb="4">
      <t>キカン</t>
    </rPh>
    <rPh sb="5" eb="7">
      <t>タチア</t>
    </rPh>
    <phoneticPr fontId="1"/>
  </si>
  <si>
    <t>地域住民の参加</t>
    <rPh sb="0" eb="2">
      <t>チイキ</t>
    </rPh>
    <rPh sb="2" eb="4">
      <t>ジュウミン</t>
    </rPh>
    <rPh sb="5" eb="7">
      <t>サンカ</t>
    </rPh>
    <phoneticPr fontId="1"/>
  </si>
  <si>
    <t>風水害</t>
    <rPh sb="0" eb="3">
      <t>フウスイガイ</t>
    </rPh>
    <phoneticPr fontId="1"/>
  </si>
  <si>
    <t>火山</t>
    <rPh sb="0" eb="2">
      <t>カザン</t>
    </rPh>
    <phoneticPr fontId="1"/>
  </si>
  <si>
    <t>その他</t>
    <rPh sb="2" eb="3">
      <t>タ</t>
    </rPh>
    <phoneticPr fontId="1"/>
  </si>
  <si>
    <t>避難</t>
    <rPh sb="0" eb="2">
      <t>ヒナン</t>
    </rPh>
    <phoneticPr fontId="1"/>
  </si>
  <si>
    <t>消火</t>
    <rPh sb="0" eb="2">
      <t>ショウカ</t>
    </rPh>
    <phoneticPr fontId="1"/>
  </si>
  <si>
    <t>通報</t>
    <rPh sb="0" eb="2">
      <t>ツウホウ</t>
    </rPh>
    <phoneticPr fontId="1"/>
  </si>
  <si>
    <t>令和５年度　社会福祉施設等自主点検表</t>
    <rPh sb="0" eb="2">
      <t>レイワ</t>
    </rPh>
    <rPh sb="3" eb="5">
      <t>ネンド</t>
    </rPh>
    <rPh sb="6" eb="12">
      <t>シャカイフクシシセツ</t>
    </rPh>
    <rPh sb="12" eb="13">
      <t>トウ</t>
    </rPh>
    <rPh sb="13" eb="15">
      <t>ジシュ</t>
    </rPh>
    <rPh sb="15" eb="17">
      <t>テンケン</t>
    </rPh>
    <rPh sb="17" eb="18">
      <t>ヒョウ</t>
    </rPh>
    <phoneticPr fontId="1"/>
  </si>
  <si>
    <t>鹿児島市</t>
    <rPh sb="0" eb="4">
      <t>カゴシマシ</t>
    </rPh>
    <phoneticPr fontId="1"/>
  </si>
  <si>
    <t>点検者</t>
    <rPh sb="0" eb="2">
      <t>テンケン</t>
    </rPh>
    <rPh sb="2" eb="3">
      <t>シャ</t>
    </rPh>
    <phoneticPr fontId="1"/>
  </si>
  <si>
    <t>職名：</t>
    <rPh sb="0" eb="2">
      <t>ショクメイ</t>
    </rPh>
    <phoneticPr fontId="1"/>
  </si>
  <si>
    <t>氏名：</t>
    <rPh sb="0" eb="2">
      <t>シメイ</t>
    </rPh>
    <phoneticPr fontId="1"/>
  </si>
  <si>
    <t>指導監査
当日の対応者</t>
    <rPh sb="0" eb="2">
      <t>シドウ</t>
    </rPh>
    <rPh sb="2" eb="4">
      <t>カンサ</t>
    </rPh>
    <rPh sb="5" eb="7">
      <t>トウジツ</t>
    </rPh>
    <rPh sb="8" eb="10">
      <t>タイオウ</t>
    </rPh>
    <rPh sb="10" eb="11">
      <t>シャ</t>
    </rPh>
    <phoneticPr fontId="1"/>
  </si>
  <si>
    <t>◎基準条例第12条第1項本文
　養護老人ホームには、次の各号に掲げる職員を置かなければならない。
　(1) 施設長　1人
◎基準条例第12条第5項
　第1項第1号の施設長は、専らその職務に従事する常勤の者でなければならない。ただし、当該養護老人ホームの管理
　上支障がない場合は、同一敷地内にある他の事業所、施設等の職務に従事することができる。</t>
    <rPh sb="62" eb="64">
      <t>キジュン</t>
    </rPh>
    <rPh sb="64" eb="66">
      <t>ジョウレイ</t>
    </rPh>
    <rPh sb="66" eb="67">
      <t>ダイ</t>
    </rPh>
    <rPh sb="69" eb="70">
      <t>ジョウ</t>
    </rPh>
    <rPh sb="70" eb="71">
      <t>ダイ</t>
    </rPh>
    <rPh sb="72" eb="73">
      <t>コウ</t>
    </rPh>
    <phoneticPr fontId="1"/>
  </si>
  <si>
    <t>◎基準条例第5条第1項
　養護老人ホームの長（以下「施設長」という。）は、社会福祉法（昭和26年法律第45号）第19条第1項各号のいずれ
　かに該当する者若しくは社会福祉事業に2年以上従事した者又はこれらと同等以上の能力を有すると認められる者で
　なければならない。
◎社会福祉法第19条第1項各号
　一　学校教育法（昭和二十二年法律第二十六号）に基づく大学、旧大学令（大正七年勅令第三百八十八号）に基づく
　　大学、旧高等学校令（大正七年勅令第三百八十九号）に基づく高等学校又は旧専門学校令（明治三十六年勅令第六
　　十一号）に基づく専門学校において、厚生労働大臣の指定する社会福祉に関する科目を修めて卒業した者（当該科
　　目を修めて同法に基づく専門職大学の前期課程を修了した者を含む。）
　二　都道府県知事の指定する養成機関又は講習会の課程を修了した者
　三　社会福祉士
　四　厚生労働大臣の指定する社会福祉事業従事者試験に合格した者
　五　前各号に掲げる者と同等以上の能力を有すると認められる者として厚生労働省令で定めるもの</t>
    <phoneticPr fontId="1"/>
  </si>
  <si>
    <t>◎基準条例第12条第1項本文
　養護老人ホームには、次の各号に掲げる職員を置かなければならない。
　(2) 医師　入所者に対し健康管理及び療養上の指導を行うために必要な数
◎基準条例第12条第6項
　第1項第2号の規定にかかわらず、サテライト型養護老人ホーム（当該施設を設置しようとする者により設置される当
　該施設以外の養護老人ホーム、介護老人保健施設、介護医療院又は病院若しくは診療所であって当該施設に対する支
　援機能を有するもの（以下この条において「本体施設」という。）との密接な連携を確保しつつ、本体施設とは別の
　場所で運営される入所定員が29人以下の養護老人ホームをいう。以下この条において同じ。）の医師については、本
　体施設の医師により当該サテライト型養護老人ホームの入所者の健康管理が適切に行われると認められるときは、こ
　れを置かないことができる。</t>
    <rPh sb="87" eb="89">
      <t>キジュン</t>
    </rPh>
    <rPh sb="89" eb="91">
      <t>ジョウレイ</t>
    </rPh>
    <rPh sb="91" eb="92">
      <t>ダイ</t>
    </rPh>
    <rPh sb="94" eb="95">
      <t>ジョウ</t>
    </rPh>
    <rPh sb="95" eb="96">
      <t>ダイ</t>
    </rPh>
    <rPh sb="97" eb="98">
      <t>コウ</t>
    </rPh>
    <phoneticPr fontId="1"/>
  </si>
  <si>
    <t>◎基準条例第12条
1 養護老人ホームには、次の各号に掲げる職員を置かなければならない。
　(3) 生活相談員
　　ア　常勤換算方法で、入所者が30人又はその端数を増すごとに1人以上とすること。
　　イ　生活相談員のうち入所者が100人又はその端数を増すごとに1人以上を主任生活相談員とすること。
7 第1項第3号イ又は第2項第1号イの主任生活相談員のうち1人以上は、専らその職務に従事する常勤の者でなければな
　らない。ただし、指定特定施設入居者生活介護、指定地域密着型特定施設入居者生活介護又は指定介護予防特定施設
　入居者生活介護を行う養護老人ホームであって、入所者の処遇に支障がない場合は、当該養護老人ホームが行う当該
　事業に係る他の職務に従事することができ、第1項第3号イの主任生活相談員については、サテライト型養護老人ホー
　ムにあっては、常勤換算方法で、1人以上とする。
8 指定特定施設入居者生活介護、指定地域密着型特定施設入居者生活介護又は指定介護予防特定施設入居者生活介護を
　行う養護老人ホームに置くべき生活相談員については、第1項第3号又は第2項第1号に定める生活相談員から、常勤換
　算方法で、1人を減じた数とすることができる。</t>
    <rPh sb="8" eb="9">
      <t>ジョウ</t>
    </rPh>
    <phoneticPr fontId="1"/>
  </si>
  <si>
    <t>◎基準条例第12条
1 養護老人ホームには、次の各号に掲げる職員を置かなければならない。
　(5) 看護師又は准看護師（以下「看護職員」という。）　常勤換算方法で、入所者が100人又はその端数を増すごと
　　に1人以上
10　第1項第5号又は第2項第3号の看護職員のうち1人以上は、常勤の者でなければならない。ただし、第1項第5号の看
　護職員については、サテライト型養護老人ホーム又は指定特定施設入居者生活介護（鹿児島市指定居宅サービス等の
　事業の人員、設備及び運営の基準に関する条例第237条に規定する外部サービス利用型指定特定施設入居者生活介護
　を除く。）、指定地域密着型特定施設入居者生活介護若しくは指定介護予防特定施設入居者生活介護（鹿児島市指定
　介護予防サービス等の事業の人員、設備及び運営並びに指定介護予防サービス等に係る介護予防のための効果的な支
　援の方法の基準に関する条例第225条に規定する外部サービス利用型指定介護予防特定施設入居者生活介護を除く。
　）を行う養護老人ホームにあっては、常勤換算方法で、1人以上とする。</t>
    <rPh sb="1" eb="5">
      <t>キジュンジョウレイ</t>
    </rPh>
    <rPh sb="5" eb="6">
      <t>ダイ</t>
    </rPh>
    <rPh sb="8" eb="9">
      <t>ジョウ</t>
    </rPh>
    <phoneticPr fontId="1"/>
  </si>
  <si>
    <t>(4) 資格要件を満たしているか。</t>
    <phoneticPr fontId="1"/>
  </si>
  <si>
    <t>(3) 他の職務との兼務はないか。</t>
    <rPh sb="4" eb="5">
      <t>タ</t>
    </rPh>
    <rPh sb="6" eb="8">
      <t>ショクム</t>
    </rPh>
    <rPh sb="10" eb="12">
      <t>ケンム</t>
    </rPh>
    <phoneticPr fontId="1"/>
  </si>
  <si>
    <t>◎基準条例第12条
1 養護老人ホームには、次の各号に掲げる職員を置かなければならない。ただし、特別養護老人ホームに併設する入所
　定員50人未満の養護老人ホーム（併設する特別養護老人ホームの栄養士との連携を図ることにより当該養護老人ホー
　ムの効果的な運営を期待することができ、かつ、入所者の処遇に支障がないものに限る。）にあっては第6号の栄養
　士を、調理業務の全部を委託する養護老人ホームにあっては第7号の調理員を置かないことができる。
　(6) 栄養士　1人以上</t>
    <phoneticPr fontId="1"/>
  </si>
  <si>
    <t>○解釈通知第1-6
【職員の数】
　基準を満たす範囲において「○人以上」と記載して差し支えない。
【入所者の処遇の内容】
　日常生活を送る上での一日の日課やレクリエーション、年間行事等を含めた処遇の内容を指すものであること。
【施設の利用に当たっての留意事項】
　入所者が留意すべき事項（入所生活上のルール、設備の利用上の留意事項等）を指すものであること。
【非常災害対策】
　消防計画及び風水害、地震等の災害に対処するための具体的な計画を指すものであること。
　※本市においては、火災、風水害、地震、津波、火山災害等個別に具体的計画を定めなければならない。
【虐待の防止のための措置に関する事項】
　虐待の防止に係る組織内の体制（責任者の選定、職員への研修方法や研修計画等）や虐待等が発生した場合の対応方
　法等を指す内容であること。
【その他施設の運営に関する重要事項】
　当該入所者又は他の入所者等の生命又は身体を保護するため緊急やむを得ない場合に身体的拘束等を行う際の手続に
　ついて定めておくことが望ましい。</t>
    <rPh sb="213" eb="216">
      <t>グタイテキ</t>
    </rPh>
    <rPh sb="360" eb="362">
      <t>ナイヨウ</t>
    </rPh>
    <phoneticPr fontId="1"/>
  </si>
  <si>
    <t>○解釈通知第1-7
【非常災害に関する具体的計画】
　消防法施行規則第3条に規定する消防計画（これに準ずる計画を含む。）及び風水害、地震等の災害に対処するため
　の計画をいう。この場合、消防計画の作成及びこれに基づく消防業務の実施は、消防法第8条の規定により防火管理
　者を置くこととされている養護老人ホームにあってはその者に行わせるものとする。
【関係機関への通報及び連携体制の整備】
・火災等の災害時に、地域の消防機関へ速やかに通報する体制をとるよう従業員に周知徹底するとともに、日頃から消
　防団や地域住民との連携を図り、火災等の際に消火・避難等に協力してもらえるような体制作りを求めることとした
　ものである。
・養護老人ホームにおける火災の防止等については、「社会福祉施設における防火安全対策の強化について」（昭和62
　年9月18日社施第107号社会局長、児童家庭局長連名通知）等に留意すること。
【避難、救出その他必要な訓練】
　訓練の実施に当たっては、消防関係者の参加を促し、具体的な指示を仰ぐなど、より実効性のあるものとすること。</t>
    <rPh sb="11" eb="13">
      <t>ヒジョウ</t>
    </rPh>
    <rPh sb="13" eb="15">
      <t>サイガイ</t>
    </rPh>
    <rPh sb="16" eb="17">
      <t>カン</t>
    </rPh>
    <rPh sb="19" eb="22">
      <t>グタイテキ</t>
    </rPh>
    <rPh sb="22" eb="24">
      <t>ケイカク</t>
    </rPh>
    <rPh sb="27" eb="30">
      <t>ショウボウホウ</t>
    </rPh>
    <rPh sb="30" eb="32">
      <t>セコウ</t>
    </rPh>
    <rPh sb="32" eb="34">
      <t>キソク</t>
    </rPh>
    <rPh sb="34" eb="35">
      <t>ダイ</t>
    </rPh>
    <rPh sb="36" eb="37">
      <t>ジョウ</t>
    </rPh>
    <rPh sb="38" eb="40">
      <t>キテイ</t>
    </rPh>
    <rPh sb="42" eb="44">
      <t>ショウボウ</t>
    </rPh>
    <rPh sb="44" eb="46">
      <t>ケイカク</t>
    </rPh>
    <rPh sb="50" eb="51">
      <t>ジュン</t>
    </rPh>
    <rPh sb="53" eb="55">
      <t>ケイカク</t>
    </rPh>
    <rPh sb="56" eb="57">
      <t>フク</t>
    </rPh>
    <rPh sb="60" eb="61">
      <t>オヨ</t>
    </rPh>
    <rPh sb="62" eb="65">
      <t>フウスイガイ</t>
    </rPh>
    <rPh sb="66" eb="68">
      <t>ジシン</t>
    </rPh>
    <rPh sb="68" eb="69">
      <t>トウ</t>
    </rPh>
    <rPh sb="70" eb="72">
      <t>サイガイ</t>
    </rPh>
    <rPh sb="73" eb="75">
      <t>タイショ</t>
    </rPh>
    <rPh sb="82" eb="84">
      <t>ケイカク</t>
    </rPh>
    <rPh sb="90" eb="92">
      <t>バアイ</t>
    </rPh>
    <rPh sb="93" eb="95">
      <t>ショウボウ</t>
    </rPh>
    <rPh sb="95" eb="97">
      <t>ケイカク</t>
    </rPh>
    <rPh sb="98" eb="100">
      <t>サクセイ</t>
    </rPh>
    <rPh sb="100" eb="101">
      <t>オヨ</t>
    </rPh>
    <rPh sb="105" eb="106">
      <t>モト</t>
    </rPh>
    <rPh sb="108" eb="110">
      <t>ショウボウ</t>
    </rPh>
    <rPh sb="110" eb="112">
      <t>ギョウム</t>
    </rPh>
    <rPh sb="113" eb="115">
      <t>ジッシ</t>
    </rPh>
    <rPh sb="117" eb="120">
      <t>ショウボウホウ</t>
    </rPh>
    <rPh sb="120" eb="121">
      <t>ダイ</t>
    </rPh>
    <rPh sb="122" eb="123">
      <t>ジョウ</t>
    </rPh>
    <rPh sb="124" eb="126">
      <t>キテイ</t>
    </rPh>
    <rPh sb="129" eb="131">
      <t>ボウカ</t>
    </rPh>
    <rPh sb="137" eb="138">
      <t>オ</t>
    </rPh>
    <rPh sb="161" eb="162">
      <t>モノ</t>
    </rPh>
    <rPh sb="163" eb="164">
      <t>オコナ</t>
    </rPh>
    <rPh sb="227" eb="230">
      <t>ジュウギョウイン</t>
    </rPh>
    <rPh sb="311" eb="315">
      <t>ヨウゴロウジン</t>
    </rPh>
    <rPh sb="322" eb="324">
      <t>カサイ</t>
    </rPh>
    <rPh sb="325" eb="327">
      <t>ボウシ</t>
    </rPh>
    <rPh sb="327" eb="328">
      <t>トウ</t>
    </rPh>
    <rPh sb="335" eb="337">
      <t>シャカイ</t>
    </rPh>
    <rPh sb="337" eb="339">
      <t>フクシ</t>
    </rPh>
    <rPh sb="339" eb="341">
      <t>シセツ</t>
    </rPh>
    <rPh sb="345" eb="347">
      <t>ボウカ</t>
    </rPh>
    <rPh sb="347" eb="349">
      <t>アンゼン</t>
    </rPh>
    <rPh sb="349" eb="351">
      <t>タイサク</t>
    </rPh>
    <rPh sb="352" eb="354">
      <t>キョウカ</t>
    </rPh>
    <rPh sb="360" eb="362">
      <t>ショウワ</t>
    </rPh>
    <rPh sb="366" eb="367">
      <t>ネン</t>
    </rPh>
    <rPh sb="368" eb="369">
      <t>ガツ</t>
    </rPh>
    <rPh sb="371" eb="372">
      <t>ニチ</t>
    </rPh>
    <rPh sb="372" eb="373">
      <t>シャ</t>
    </rPh>
    <rPh sb="397" eb="399">
      <t>リュウイ</t>
    </rPh>
    <phoneticPr fontId="1"/>
  </si>
  <si>
    <t>◎基準条例第15条
1 養護老人ホームの施設長は、生活相談員に処遇計画の作成に関する業務を担当させるものとする。
2 生活相談員は、入所者について、その心身の状況、その置かれている環境、その者及びその家族の希望等を勘案し、
　他の職員と協議の上、その者の処遇計画を作成しなければならない。
3 生活相談員は、処遇計画について、入所者の処遇の状況等を勘案し、必要な見直しを行わなければならない。
○解釈通知第5-2
・計画の作成及びその実施に当たっては、いたずらにこれを入所者に強制することとならないように留意すること。
・当該処遇計画の作成に当たり、入所者が指定居宅サービス等を利用している場合は、居宅介護支援事業所の介護支援
　専門員が作成する居宅介護支援計画又は地域包括支援センターの職員が作成する介護予防支援計画の内容について留
　意すること。
・入所者が特定施設入居者生活介護又は介護予防特定施設入居者生活介護のサービスを受けている場合には、特定施設
　の計画作成担当者が作成する特定施設サービス計画の内容について留意すること。
・当該処遇計画の内容には、当該施設の行事及び日課等も含むものであること。
・養護老人ホームの特性に沿った処遇計画の在り方については今後研究を行う必要があるが、当分の間、当該処遇計画
　は「介護サービス計画書の様式及び課題分析標準項目の提示について」（平成11年11月12日老企第29号厚生省老人保
　健福祉局企画課長通知）等を参考に作成するものとし、入所者の個別支援に資する適切な手法により行うこと。</t>
    <rPh sb="1" eb="3">
      <t>キジュン</t>
    </rPh>
    <rPh sb="3" eb="5">
      <t>ジョウレイ</t>
    </rPh>
    <rPh sb="5" eb="6">
      <t>ダイ</t>
    </rPh>
    <rPh sb="8" eb="9">
      <t>ジョウ</t>
    </rPh>
    <rPh sb="198" eb="203">
      <t>カイシャクツウチダイ</t>
    </rPh>
    <rPh sb="208" eb="210">
      <t>ケイカク</t>
    </rPh>
    <rPh sb="211" eb="213">
      <t>サクセイ</t>
    </rPh>
    <rPh sb="213" eb="214">
      <t>オヨ</t>
    </rPh>
    <rPh sb="217" eb="219">
      <t>ジッシ</t>
    </rPh>
    <rPh sb="220" eb="221">
      <t>ア</t>
    </rPh>
    <rPh sb="234" eb="237">
      <t>ニュウショシャ</t>
    </rPh>
    <rPh sb="238" eb="240">
      <t>キョウセイ</t>
    </rPh>
    <rPh sb="252" eb="254">
      <t>リュウイ</t>
    </rPh>
    <rPh sb="261" eb="263">
      <t>トウガイ</t>
    </rPh>
    <rPh sb="263" eb="265">
      <t>ショグウ</t>
    </rPh>
    <rPh sb="265" eb="267">
      <t>ケイカク</t>
    </rPh>
    <rPh sb="268" eb="270">
      <t>サクセイ</t>
    </rPh>
    <rPh sb="271" eb="272">
      <t>ア</t>
    </rPh>
    <rPh sb="275" eb="278">
      <t>ニュウショシャ</t>
    </rPh>
    <rPh sb="279" eb="281">
      <t>シテイ</t>
    </rPh>
    <rPh sb="281" eb="283">
      <t>キョタク</t>
    </rPh>
    <rPh sb="287" eb="288">
      <t>トウ</t>
    </rPh>
    <rPh sb="289" eb="291">
      <t>リヨウ</t>
    </rPh>
    <rPh sb="295" eb="297">
      <t>バアイ</t>
    </rPh>
    <rPh sb="299" eb="301">
      <t>キョタク</t>
    </rPh>
    <rPh sb="301" eb="303">
      <t>カイゴ</t>
    </rPh>
    <rPh sb="303" eb="305">
      <t>シエン</t>
    </rPh>
    <rPh sb="305" eb="308">
      <t>ジギョウショ</t>
    </rPh>
    <rPh sb="309" eb="311">
      <t>カイゴ</t>
    </rPh>
    <rPh sb="311" eb="313">
      <t>シエン</t>
    </rPh>
    <rPh sb="315" eb="318">
      <t>センモンイン</t>
    </rPh>
    <rPh sb="319" eb="321">
      <t>サクセイ</t>
    </rPh>
    <rPh sb="323" eb="325">
      <t>キョタク</t>
    </rPh>
    <rPh sb="325" eb="327">
      <t>カイゴ</t>
    </rPh>
    <rPh sb="327" eb="329">
      <t>シエン</t>
    </rPh>
    <rPh sb="329" eb="331">
      <t>ケイカク</t>
    </rPh>
    <rPh sb="331" eb="332">
      <t>マタ</t>
    </rPh>
    <rPh sb="333" eb="335">
      <t>チイキ</t>
    </rPh>
    <rPh sb="335" eb="337">
      <t>ホウカツ</t>
    </rPh>
    <rPh sb="337" eb="339">
      <t>シエン</t>
    </rPh>
    <rPh sb="344" eb="346">
      <t>ショクイン</t>
    </rPh>
    <rPh sb="347" eb="349">
      <t>サクセイ</t>
    </rPh>
    <rPh sb="351" eb="353">
      <t>カイゴ</t>
    </rPh>
    <rPh sb="353" eb="355">
      <t>ヨボウ</t>
    </rPh>
    <rPh sb="355" eb="357">
      <t>シエン</t>
    </rPh>
    <rPh sb="357" eb="359">
      <t>ケイカク</t>
    </rPh>
    <rPh sb="360" eb="362">
      <t>ナイヨウ</t>
    </rPh>
    <rPh sb="377" eb="380">
      <t>ニュウショシャ</t>
    </rPh>
    <rPh sb="381" eb="383">
      <t>トクテイ</t>
    </rPh>
    <rPh sb="383" eb="385">
      <t>シセツ</t>
    </rPh>
    <rPh sb="385" eb="388">
      <t>ニュウキョシャ</t>
    </rPh>
    <rPh sb="388" eb="390">
      <t>セイカツ</t>
    </rPh>
    <rPh sb="390" eb="392">
      <t>カイゴ</t>
    </rPh>
    <rPh sb="392" eb="393">
      <t>マタ</t>
    </rPh>
    <rPh sb="394" eb="396">
      <t>カイゴ</t>
    </rPh>
    <rPh sb="396" eb="398">
      <t>ヨボウ</t>
    </rPh>
    <rPh sb="398" eb="400">
      <t>トクテイ</t>
    </rPh>
    <rPh sb="400" eb="402">
      <t>シセツ</t>
    </rPh>
    <rPh sb="402" eb="405">
      <t>ニュウキョシャ</t>
    </rPh>
    <rPh sb="405" eb="407">
      <t>セイカツ</t>
    </rPh>
    <rPh sb="407" eb="409">
      <t>カイゴ</t>
    </rPh>
    <rPh sb="415" eb="416">
      <t>ウ</t>
    </rPh>
    <rPh sb="420" eb="422">
      <t>バアイ</t>
    </rPh>
    <rPh sb="425" eb="427">
      <t>トクテイ</t>
    </rPh>
    <rPh sb="427" eb="429">
      <t>シセツ</t>
    </rPh>
    <rPh sb="432" eb="434">
      <t>ケイカク</t>
    </rPh>
    <rPh sb="434" eb="436">
      <t>サクセイ</t>
    </rPh>
    <rPh sb="436" eb="439">
      <t>タントウシャ</t>
    </rPh>
    <rPh sb="440" eb="442">
      <t>サクセイ</t>
    </rPh>
    <rPh sb="444" eb="446">
      <t>トクテイ</t>
    </rPh>
    <rPh sb="446" eb="448">
      <t>シセツ</t>
    </rPh>
    <rPh sb="452" eb="454">
      <t>ケイカク</t>
    </rPh>
    <rPh sb="455" eb="457">
      <t>ナイヨウ</t>
    </rPh>
    <rPh sb="461" eb="463">
      <t>リュウイ</t>
    </rPh>
    <rPh sb="470" eb="472">
      <t>トウガイ</t>
    </rPh>
    <rPh sb="472" eb="474">
      <t>ショグウ</t>
    </rPh>
    <rPh sb="474" eb="476">
      <t>ケイカク</t>
    </rPh>
    <rPh sb="477" eb="479">
      <t>ナイヨウ</t>
    </rPh>
    <rPh sb="482" eb="484">
      <t>トウガイ</t>
    </rPh>
    <rPh sb="484" eb="486">
      <t>シセツ</t>
    </rPh>
    <rPh sb="487" eb="489">
      <t>ギョウジ</t>
    </rPh>
    <rPh sb="489" eb="490">
      <t>オヨ</t>
    </rPh>
    <rPh sb="491" eb="493">
      <t>ニッカ</t>
    </rPh>
    <rPh sb="493" eb="494">
      <t>トウ</t>
    </rPh>
    <rPh sb="495" eb="496">
      <t>フク</t>
    </rPh>
    <rPh sb="507" eb="509">
      <t>ヨウゴ</t>
    </rPh>
    <rPh sb="509" eb="511">
      <t>ロウジン</t>
    </rPh>
    <rPh sb="515" eb="517">
      <t>トクセイ</t>
    </rPh>
    <rPh sb="518" eb="519">
      <t>ソ</t>
    </rPh>
    <rPh sb="521" eb="523">
      <t>ショグウ</t>
    </rPh>
    <rPh sb="523" eb="525">
      <t>ケイカク</t>
    </rPh>
    <rPh sb="526" eb="527">
      <t>ア</t>
    </rPh>
    <rPh sb="528" eb="529">
      <t>カタ</t>
    </rPh>
    <rPh sb="534" eb="536">
      <t>コンゴ</t>
    </rPh>
    <rPh sb="536" eb="538">
      <t>ケンキュウ</t>
    </rPh>
    <rPh sb="539" eb="540">
      <t>オコナ</t>
    </rPh>
    <rPh sb="541" eb="543">
      <t>ヒツヨウ</t>
    </rPh>
    <rPh sb="548" eb="550">
      <t>トウブン</t>
    </rPh>
    <rPh sb="551" eb="552">
      <t>アイダ</t>
    </rPh>
    <rPh sb="553" eb="555">
      <t>トウガイ</t>
    </rPh>
    <rPh sb="555" eb="557">
      <t>ショグウ</t>
    </rPh>
    <rPh sb="557" eb="559">
      <t>ケイカク</t>
    </rPh>
    <rPh sb="563" eb="565">
      <t>カイゴ</t>
    </rPh>
    <rPh sb="569" eb="572">
      <t>ケイカクショ</t>
    </rPh>
    <rPh sb="573" eb="575">
      <t>ヨウシキ</t>
    </rPh>
    <rPh sb="575" eb="576">
      <t>オヨ</t>
    </rPh>
    <rPh sb="577" eb="579">
      <t>カダイ</t>
    </rPh>
    <rPh sb="579" eb="581">
      <t>ブンセキ</t>
    </rPh>
    <rPh sb="581" eb="583">
      <t>ヒョウジュン</t>
    </rPh>
    <rPh sb="583" eb="585">
      <t>コウモク</t>
    </rPh>
    <rPh sb="586" eb="588">
      <t>テイジ</t>
    </rPh>
    <rPh sb="594" eb="596">
      <t>ヘイセイ</t>
    </rPh>
    <rPh sb="598" eb="599">
      <t>ネン</t>
    </rPh>
    <rPh sb="601" eb="602">
      <t>ガツ</t>
    </rPh>
    <rPh sb="604" eb="605">
      <t>ニチ</t>
    </rPh>
    <rPh sb="605" eb="606">
      <t>ロウ</t>
    </rPh>
    <phoneticPr fontId="1"/>
  </si>
  <si>
    <t>(3) やむを得ず身体的拘束等をしている場合、家族等に確認をしている</t>
    <rPh sb="7" eb="8">
      <t>エ</t>
    </rPh>
    <rPh sb="9" eb="11">
      <t>シンタイ</t>
    </rPh>
    <rPh sb="11" eb="12">
      <t>テキ</t>
    </rPh>
    <rPh sb="12" eb="14">
      <t>コウソク</t>
    </rPh>
    <rPh sb="14" eb="15">
      <t>トウ</t>
    </rPh>
    <rPh sb="20" eb="22">
      <t>バアイ</t>
    </rPh>
    <rPh sb="23" eb="25">
      <t>カゾク</t>
    </rPh>
    <rPh sb="25" eb="26">
      <t>トウ</t>
    </rPh>
    <rPh sb="27" eb="29">
      <t>カクニン</t>
    </rPh>
    <phoneticPr fontId="1"/>
  </si>
  <si>
    <t>　か。</t>
    <phoneticPr fontId="1"/>
  </si>
  <si>
    <t>○解釈通知第5-3
【身体的拘束適正化検討委員会】
・幅広い職種（例えば、施設長、事務長、医師、看護職員、支援員、生活相談員）により構成する。構成メンバーの責
　務及び役割分担を明確にし、専任の身体的拘束等の適正化対応策を担当する者を決めておくことが必要である。
・運営委員会など他の委員会と独立して設置・運営することが必要であるが、関係する職種、取り扱う事項等が相互に
　関係が深いと認められる他の会議体を設置している場合、これと一体的に設置・運営することも差し支えない。
・責任者はケア全般の責任者であることが望ましい。
・精神科専門医等の専門医の活用等、第三者や専門家を活用することが望ましい。
・テレビ電話装置等を活用する際は、個人情報保護委員会・厚生労働省「医療・介護関係事業者における個人情報の適
　切な取扱いのためのガイダンス」、厚生労働省「医療情報システムの安全管理に関するガイドライン」等を遵守する
　こと。
・報告、改善のための方策を定め、周知徹底する目的は、身体的拘束等の適正化について施設全体で情報共有し、今後
　の再発防止につなげるためのものであり、決して従業者の懲罰を目的としたものではないことに留意すること。
・具体的には次のようなことを想定している。
　①身体的拘束等について報告するための様式の整備
　②支援員その他の従業者は、身体的拘束等の発生ごとにその状況、背景等を記録し、①の様式により報告する。
　③委員会において、②により報告された事例を集計し、分析する。
　④事例の分析に当たっては、発生時の状況等を分析し、発生原因、結果等をとりまとめ、当該事例の適正性と適正化
　　策を検討する。
　⑤報告された事例及び分析結果を従業者に周知徹底する。
　⑥適正化策を講じた後に、その効果について評価する。</t>
    <rPh sb="1" eb="3">
      <t>カイシャク</t>
    </rPh>
    <rPh sb="3" eb="5">
      <t>ツウチ</t>
    </rPh>
    <rPh sb="5" eb="6">
      <t>ダイ</t>
    </rPh>
    <rPh sb="11" eb="14">
      <t>シンタイテキ</t>
    </rPh>
    <rPh sb="14" eb="16">
      <t>コウソク</t>
    </rPh>
    <rPh sb="16" eb="19">
      <t>テキセイカ</t>
    </rPh>
    <rPh sb="19" eb="21">
      <t>ケントウ</t>
    </rPh>
    <rPh sb="21" eb="24">
      <t>イインカイ</t>
    </rPh>
    <rPh sb="27" eb="29">
      <t>ハバヒロ</t>
    </rPh>
    <rPh sb="30" eb="32">
      <t>ショクシュ</t>
    </rPh>
    <rPh sb="33" eb="34">
      <t>タト</t>
    </rPh>
    <rPh sb="37" eb="39">
      <t>シセツ</t>
    </rPh>
    <rPh sb="39" eb="40">
      <t>チョウ</t>
    </rPh>
    <rPh sb="41" eb="44">
      <t>ジムチョウ</t>
    </rPh>
    <rPh sb="45" eb="47">
      <t>イシ</t>
    </rPh>
    <rPh sb="48" eb="50">
      <t>カンゴ</t>
    </rPh>
    <rPh sb="50" eb="52">
      <t>ショクイン</t>
    </rPh>
    <rPh sb="53" eb="55">
      <t>シエン</t>
    </rPh>
    <rPh sb="57" eb="59">
      <t>セイカツ</t>
    </rPh>
    <rPh sb="59" eb="62">
      <t>ソウダンイン</t>
    </rPh>
    <rPh sb="66" eb="68">
      <t>コウセイ</t>
    </rPh>
    <rPh sb="71" eb="73">
      <t>コウセイ</t>
    </rPh>
    <rPh sb="82" eb="83">
      <t>オヨ</t>
    </rPh>
    <rPh sb="84" eb="86">
      <t>ヤクワリ</t>
    </rPh>
    <rPh sb="86" eb="88">
      <t>ブンタン</t>
    </rPh>
    <rPh sb="89" eb="91">
      <t>メイカク</t>
    </rPh>
    <rPh sb="94" eb="96">
      <t>センニン</t>
    </rPh>
    <rPh sb="97" eb="100">
      <t>シンタイテキ</t>
    </rPh>
    <rPh sb="100" eb="102">
      <t>コウソク</t>
    </rPh>
    <rPh sb="102" eb="103">
      <t>トウ</t>
    </rPh>
    <rPh sb="104" eb="107">
      <t>テキセイカ</t>
    </rPh>
    <rPh sb="107" eb="109">
      <t>タイオウ</t>
    </rPh>
    <rPh sb="109" eb="110">
      <t>サク</t>
    </rPh>
    <rPh sb="111" eb="113">
      <t>タントウ</t>
    </rPh>
    <rPh sb="115" eb="116">
      <t>モノ</t>
    </rPh>
    <rPh sb="117" eb="118">
      <t>キ</t>
    </rPh>
    <rPh sb="125" eb="127">
      <t>ヒツヨウ</t>
    </rPh>
    <rPh sb="133" eb="135">
      <t>ウンエイ</t>
    </rPh>
    <rPh sb="135" eb="138">
      <t>イインカイ</t>
    </rPh>
    <rPh sb="140" eb="141">
      <t>タ</t>
    </rPh>
    <rPh sb="142" eb="145">
      <t>イインカイ</t>
    </rPh>
    <rPh sb="146" eb="148">
      <t>ドクリツ</t>
    </rPh>
    <rPh sb="150" eb="152">
      <t>セッチ</t>
    </rPh>
    <rPh sb="153" eb="155">
      <t>ウンエイ</t>
    </rPh>
    <rPh sb="160" eb="162">
      <t>ヒツヨウ</t>
    </rPh>
    <rPh sb="167" eb="169">
      <t>カンケイ</t>
    </rPh>
    <rPh sb="171" eb="173">
      <t>ショクシュ</t>
    </rPh>
    <rPh sb="174" eb="175">
      <t>ト</t>
    </rPh>
    <rPh sb="176" eb="177">
      <t>アツカ</t>
    </rPh>
    <rPh sb="178" eb="180">
      <t>ジコウ</t>
    </rPh>
    <rPh sb="180" eb="181">
      <t>トウ</t>
    </rPh>
    <rPh sb="182" eb="184">
      <t>ソウゴ</t>
    </rPh>
    <rPh sb="187" eb="189">
      <t>カンケイ</t>
    </rPh>
    <rPh sb="190" eb="191">
      <t>フカ</t>
    </rPh>
    <rPh sb="193" eb="194">
      <t>ミト</t>
    </rPh>
    <rPh sb="198" eb="199">
      <t>タ</t>
    </rPh>
    <rPh sb="200" eb="203">
      <t>カイギタイ</t>
    </rPh>
    <rPh sb="204" eb="206">
      <t>セッチ</t>
    </rPh>
    <rPh sb="210" eb="212">
      <t>バアイ</t>
    </rPh>
    <rPh sb="216" eb="219">
      <t>イッタイテキ</t>
    </rPh>
    <rPh sb="220" eb="222">
      <t>セッチ</t>
    </rPh>
    <rPh sb="223" eb="225">
      <t>ウンエイ</t>
    </rPh>
    <rPh sb="230" eb="231">
      <t>サ</t>
    </rPh>
    <rPh sb="232" eb="233">
      <t>ツカ</t>
    </rPh>
    <rPh sb="239" eb="242">
      <t>セキニンシャ</t>
    </rPh>
    <rPh sb="245" eb="247">
      <t>ゼンパン</t>
    </rPh>
    <rPh sb="248" eb="251">
      <t>セキニンシャ</t>
    </rPh>
    <rPh sb="257" eb="258">
      <t>ノゾ</t>
    </rPh>
    <rPh sb="264" eb="267">
      <t>セイシンカ</t>
    </rPh>
    <rPh sb="267" eb="269">
      <t>センモン</t>
    </rPh>
    <rPh sb="269" eb="270">
      <t>イ</t>
    </rPh>
    <rPh sb="270" eb="271">
      <t>トウ</t>
    </rPh>
    <rPh sb="272" eb="274">
      <t>センモン</t>
    </rPh>
    <rPh sb="274" eb="275">
      <t>イ</t>
    </rPh>
    <rPh sb="276" eb="278">
      <t>カツヨウ</t>
    </rPh>
    <rPh sb="278" eb="279">
      <t>トウ</t>
    </rPh>
    <rPh sb="280" eb="283">
      <t>ダイサンシャ</t>
    </rPh>
    <rPh sb="284" eb="287">
      <t>センモンカ</t>
    </rPh>
    <rPh sb="288" eb="290">
      <t>カツヨウ</t>
    </rPh>
    <rPh sb="295" eb="296">
      <t>ノゾ</t>
    </rPh>
    <rPh sb="305" eb="307">
      <t>デンワ</t>
    </rPh>
    <rPh sb="307" eb="309">
      <t>ソウチ</t>
    </rPh>
    <rPh sb="309" eb="310">
      <t>トウ</t>
    </rPh>
    <rPh sb="311" eb="313">
      <t>カツヨウ</t>
    </rPh>
    <rPh sb="315" eb="316">
      <t>サイ</t>
    </rPh>
    <rPh sb="318" eb="320">
      <t>コジン</t>
    </rPh>
    <rPh sb="320" eb="322">
      <t>ジョウホウ</t>
    </rPh>
    <rPh sb="322" eb="324">
      <t>ホゴ</t>
    </rPh>
    <rPh sb="324" eb="327">
      <t>イインカイ</t>
    </rPh>
    <rPh sb="328" eb="330">
      <t>コウセイ</t>
    </rPh>
    <rPh sb="330" eb="333">
      <t>ロウドウショウ</t>
    </rPh>
    <rPh sb="334" eb="336">
      <t>イリョウ</t>
    </rPh>
    <rPh sb="337" eb="339">
      <t>カイゴ</t>
    </rPh>
    <rPh sb="339" eb="341">
      <t>カンケイ</t>
    </rPh>
    <rPh sb="341" eb="344">
      <t>ジギョウシャ</t>
    </rPh>
    <rPh sb="348" eb="350">
      <t>コジン</t>
    </rPh>
    <rPh sb="350" eb="352">
      <t>ジョウホウ</t>
    </rPh>
    <rPh sb="358" eb="360">
      <t>トリアツカ</t>
    </rPh>
    <rPh sb="372" eb="374">
      <t>コウセイ</t>
    </rPh>
    <rPh sb="374" eb="377">
      <t>ロウドウショウ</t>
    </rPh>
    <rPh sb="378" eb="380">
      <t>イリョウ</t>
    </rPh>
    <rPh sb="380" eb="382">
      <t>ジョウホウ</t>
    </rPh>
    <rPh sb="387" eb="389">
      <t>アンゼン</t>
    </rPh>
    <rPh sb="389" eb="391">
      <t>カンリ</t>
    </rPh>
    <rPh sb="392" eb="393">
      <t>カン</t>
    </rPh>
    <rPh sb="402" eb="403">
      <t>トウ</t>
    </rPh>
    <rPh sb="404" eb="406">
      <t>ジュンシュ</t>
    </rPh>
    <rPh sb="415" eb="417">
      <t>ホウコク</t>
    </rPh>
    <rPh sb="418" eb="420">
      <t>カイゼン</t>
    </rPh>
    <rPh sb="424" eb="426">
      <t>ホウサク</t>
    </rPh>
    <rPh sb="427" eb="428">
      <t>サダ</t>
    </rPh>
    <rPh sb="430" eb="432">
      <t>シュウチ</t>
    </rPh>
    <rPh sb="432" eb="434">
      <t>テッテイ</t>
    </rPh>
    <rPh sb="436" eb="438">
      <t>モクテキ</t>
    </rPh>
    <rPh sb="440" eb="446">
      <t>シンタイテキコウソクトウ</t>
    </rPh>
    <rPh sb="447" eb="450">
      <t>テキセイカ</t>
    </rPh>
    <rPh sb="454" eb="456">
      <t>シセツ</t>
    </rPh>
    <rPh sb="456" eb="458">
      <t>ゼンタイ</t>
    </rPh>
    <rPh sb="459" eb="461">
      <t>ジョウホウ</t>
    </rPh>
    <rPh sb="461" eb="463">
      <t>キョウユウ</t>
    </rPh>
    <rPh sb="465" eb="467">
      <t>コンゴ</t>
    </rPh>
    <rPh sb="470" eb="472">
      <t>サイハツ</t>
    </rPh>
    <rPh sb="472" eb="474">
      <t>ボウシ</t>
    </rPh>
    <rPh sb="488" eb="489">
      <t>ケッ</t>
    </rPh>
    <rPh sb="491" eb="494">
      <t>ジュウギョウシャ</t>
    </rPh>
    <rPh sb="495" eb="497">
      <t>チョウバツ</t>
    </rPh>
    <rPh sb="498" eb="500">
      <t>モクテキ</t>
    </rPh>
    <rPh sb="512" eb="514">
      <t>リュウイ</t>
    </rPh>
    <rPh sb="521" eb="524">
      <t>グタイテキ</t>
    </rPh>
    <rPh sb="526" eb="527">
      <t>ツギ</t>
    </rPh>
    <rPh sb="534" eb="536">
      <t>ソウテイ</t>
    </rPh>
    <rPh sb="544" eb="550">
      <t>シンタイテキコウソクトウ</t>
    </rPh>
    <rPh sb="554" eb="556">
      <t>ホウコク</t>
    </rPh>
    <rPh sb="561" eb="563">
      <t>ヨウシキ</t>
    </rPh>
    <rPh sb="564" eb="566">
      <t>セイビ</t>
    </rPh>
    <rPh sb="569" eb="571">
      <t>シエン</t>
    </rPh>
    <rPh sb="574" eb="575">
      <t>タ</t>
    </rPh>
    <rPh sb="576" eb="579">
      <t>ジュウギョウシャ</t>
    </rPh>
    <rPh sb="581" eb="587">
      <t>シンタイテキコウソクトウ</t>
    </rPh>
    <rPh sb="588" eb="590">
      <t>ハッセイ</t>
    </rPh>
    <rPh sb="595" eb="597">
      <t>ジョウキョウ</t>
    </rPh>
    <rPh sb="598" eb="600">
      <t>ハイケイ</t>
    </rPh>
    <rPh sb="600" eb="601">
      <t>トウ</t>
    </rPh>
    <rPh sb="602" eb="604">
      <t>キロク</t>
    </rPh>
    <rPh sb="608" eb="610">
      <t>ヨウシキ</t>
    </rPh>
    <rPh sb="613" eb="615">
      <t>ホウコク</t>
    </rPh>
    <rPh sb="621" eb="624">
      <t>イインカイ</t>
    </rPh>
    <rPh sb="633" eb="635">
      <t>ホウコク</t>
    </rPh>
    <rPh sb="638" eb="640">
      <t>ジレイ</t>
    </rPh>
    <rPh sb="641" eb="643">
      <t>シュウケイ</t>
    </rPh>
    <rPh sb="645" eb="647">
      <t>ブンセキ</t>
    </rPh>
    <rPh sb="653" eb="655">
      <t>ジレイ</t>
    </rPh>
    <rPh sb="656" eb="658">
      <t>ブンセキ</t>
    </rPh>
    <rPh sb="659" eb="660">
      <t>ア</t>
    </rPh>
    <rPh sb="665" eb="667">
      <t>ハッセイ</t>
    </rPh>
    <rPh sb="667" eb="668">
      <t>ジ</t>
    </rPh>
    <rPh sb="669" eb="671">
      <t>ジョウキョウ</t>
    </rPh>
    <rPh sb="671" eb="672">
      <t>トウ</t>
    </rPh>
    <rPh sb="673" eb="675">
      <t>ブンセキ</t>
    </rPh>
    <rPh sb="677" eb="679">
      <t>ハッセイ</t>
    </rPh>
    <rPh sb="679" eb="681">
      <t>ゲンイン</t>
    </rPh>
    <rPh sb="682" eb="684">
      <t>ケッカ</t>
    </rPh>
    <rPh sb="684" eb="685">
      <t>トウ</t>
    </rPh>
    <rPh sb="692" eb="694">
      <t>トウガイ</t>
    </rPh>
    <rPh sb="694" eb="696">
      <t>ジレイ</t>
    </rPh>
    <rPh sb="697" eb="700">
      <t>テキセイセイ</t>
    </rPh>
    <rPh sb="701" eb="704">
      <t>テキセイカ</t>
    </rPh>
    <rPh sb="707" eb="708">
      <t>サク</t>
    </rPh>
    <rPh sb="709" eb="711">
      <t>ケントウ</t>
    </rPh>
    <rPh sb="717" eb="719">
      <t>ホウコク</t>
    </rPh>
    <rPh sb="722" eb="724">
      <t>ジレイ</t>
    </rPh>
    <rPh sb="724" eb="725">
      <t>オヨ</t>
    </rPh>
    <rPh sb="726" eb="728">
      <t>ブンセキ</t>
    </rPh>
    <rPh sb="728" eb="730">
      <t>ケッカ</t>
    </rPh>
    <rPh sb="731" eb="734">
      <t>ジュウギョウシャ</t>
    </rPh>
    <rPh sb="735" eb="737">
      <t>シュウチ</t>
    </rPh>
    <rPh sb="737" eb="739">
      <t>テッテイ</t>
    </rPh>
    <rPh sb="745" eb="748">
      <t>テキセイカ</t>
    </rPh>
    <rPh sb="748" eb="749">
      <t>サク</t>
    </rPh>
    <rPh sb="750" eb="751">
      <t>コウ</t>
    </rPh>
    <rPh sb="753" eb="754">
      <t>ノチ</t>
    </rPh>
    <rPh sb="758" eb="760">
      <t>コウカ</t>
    </rPh>
    <rPh sb="764" eb="766">
      <t>ヒョウカ</t>
    </rPh>
    <phoneticPr fontId="1"/>
  </si>
  <si>
    <t>【身体的拘束等の適正化のための従業者に対する研修】
・研修の内容としては、身体的拘束等の適正化の基礎的内容等の適切な知識を普及・啓発するとともに、当該施設の指
　針に基づき、適正化の徹底を行うものとする。
・職員教育を組織的に徹底させていくためには、当該施設が指針に基づいた研修プログラムを作成し、定期的な教育（
　年2回以上）を開催するとともに、新規採用時には必ず身体的拘束等の適正化の研修を実施することが重要である。
・研修の実施内容について記録することが必要である。
・研修の実施は、施設内での研修で差し支えない。</t>
    <rPh sb="1" eb="7">
      <t>シンタイテキコウソクトウ</t>
    </rPh>
    <rPh sb="8" eb="11">
      <t>テキセイカ</t>
    </rPh>
    <rPh sb="15" eb="18">
      <t>ジュウギョウシャ</t>
    </rPh>
    <rPh sb="19" eb="20">
      <t>タイ</t>
    </rPh>
    <rPh sb="22" eb="24">
      <t>ケンシュウ</t>
    </rPh>
    <rPh sb="27" eb="29">
      <t>ケンシュウ</t>
    </rPh>
    <rPh sb="30" eb="32">
      <t>ナイヨウ</t>
    </rPh>
    <rPh sb="37" eb="43">
      <t>シンタイテキコウソクトウ</t>
    </rPh>
    <rPh sb="44" eb="47">
      <t>テキセイカ</t>
    </rPh>
    <rPh sb="48" eb="51">
      <t>キソテキ</t>
    </rPh>
    <rPh sb="51" eb="53">
      <t>ナイヨウ</t>
    </rPh>
    <rPh sb="53" eb="54">
      <t>トウ</t>
    </rPh>
    <rPh sb="55" eb="57">
      <t>テキセツ</t>
    </rPh>
    <rPh sb="58" eb="60">
      <t>チシキ</t>
    </rPh>
    <rPh sb="61" eb="63">
      <t>フキュウ</t>
    </rPh>
    <rPh sb="64" eb="66">
      <t>ケイハツ</t>
    </rPh>
    <rPh sb="73" eb="75">
      <t>トウガイ</t>
    </rPh>
    <rPh sb="75" eb="77">
      <t>シセツ</t>
    </rPh>
    <rPh sb="78" eb="79">
      <t>ユビ</t>
    </rPh>
    <rPh sb="81" eb="82">
      <t>ハリ</t>
    </rPh>
    <rPh sb="83" eb="84">
      <t>モト</t>
    </rPh>
    <rPh sb="87" eb="90">
      <t>テキセイカ</t>
    </rPh>
    <rPh sb="91" eb="93">
      <t>テッテイ</t>
    </rPh>
    <rPh sb="94" eb="95">
      <t>オコナ</t>
    </rPh>
    <rPh sb="104" eb="106">
      <t>ショクイン</t>
    </rPh>
    <rPh sb="106" eb="108">
      <t>キョウイク</t>
    </rPh>
    <rPh sb="109" eb="112">
      <t>ソシキテキ</t>
    </rPh>
    <rPh sb="113" eb="115">
      <t>テッテイ</t>
    </rPh>
    <rPh sb="125" eb="127">
      <t>トウガイ</t>
    </rPh>
    <rPh sb="127" eb="129">
      <t>シセツ</t>
    </rPh>
    <rPh sb="130" eb="132">
      <t>シシン</t>
    </rPh>
    <rPh sb="133" eb="134">
      <t>モト</t>
    </rPh>
    <rPh sb="137" eb="139">
      <t>ケンシュウ</t>
    </rPh>
    <rPh sb="145" eb="147">
      <t>サクセイ</t>
    </rPh>
    <rPh sb="149" eb="152">
      <t>テイキテキ</t>
    </rPh>
    <rPh sb="153" eb="155">
      <t>キョウイク</t>
    </rPh>
    <rPh sb="158" eb="159">
      <t>ネン</t>
    </rPh>
    <rPh sb="160" eb="161">
      <t>カイ</t>
    </rPh>
    <rPh sb="161" eb="163">
      <t>イジョウ</t>
    </rPh>
    <rPh sb="165" eb="167">
      <t>カイサイ</t>
    </rPh>
    <rPh sb="174" eb="176">
      <t>シンキ</t>
    </rPh>
    <rPh sb="176" eb="178">
      <t>サイヨウ</t>
    </rPh>
    <rPh sb="178" eb="179">
      <t>ジ</t>
    </rPh>
    <rPh sb="181" eb="182">
      <t>カナラ</t>
    </rPh>
    <rPh sb="183" eb="186">
      <t>シンタイテキ</t>
    </rPh>
    <rPh sb="186" eb="188">
      <t>コウソク</t>
    </rPh>
    <rPh sb="188" eb="189">
      <t>トウ</t>
    </rPh>
    <rPh sb="190" eb="193">
      <t>テキセイカ</t>
    </rPh>
    <rPh sb="194" eb="196">
      <t>ケンシュウ</t>
    </rPh>
    <rPh sb="197" eb="199">
      <t>ジッシ</t>
    </rPh>
    <rPh sb="204" eb="206">
      <t>ジュウヨウ</t>
    </rPh>
    <rPh sb="212" eb="214">
      <t>ケンシュウ</t>
    </rPh>
    <rPh sb="215" eb="217">
      <t>ジッシ</t>
    </rPh>
    <rPh sb="217" eb="219">
      <t>ナイヨウ</t>
    </rPh>
    <rPh sb="223" eb="225">
      <t>キロク</t>
    </rPh>
    <rPh sb="230" eb="232">
      <t>ヒツヨウ</t>
    </rPh>
    <rPh sb="238" eb="240">
      <t>ケンシュウ</t>
    </rPh>
    <rPh sb="241" eb="243">
      <t>ジッシ</t>
    </rPh>
    <rPh sb="245" eb="247">
      <t>シセツ</t>
    </rPh>
    <rPh sb="247" eb="248">
      <t>ナイ</t>
    </rPh>
    <rPh sb="250" eb="252">
      <t>ケンシュウ</t>
    </rPh>
    <rPh sb="253" eb="254">
      <t>サ</t>
    </rPh>
    <rPh sb="255" eb="256">
      <t>ツカ</t>
    </rPh>
    <phoneticPr fontId="1"/>
  </si>
  <si>
    <t>○解釈通知第5-4
　(1) 食事の提供について
　　・入所者の心身の状況・嗜好に応じて適切な栄養量及び内容とすること。
　　・入所者の自立の支援に配慮し、できるだけ離床して食堂で行われるよう努めなければならないこと。
　(2) 調理について
　　・あらかじめ作成された献立に従って行うとともに、その実施状況を明らかにしておくこと。
　　・病弱者に対する献立については、必要に応じ、医師の指導を受けること。
　(3) 適時の食事の提供について
　　・夕食時間は午後6時以降とすることが望ましいが、早くても午後5時以降とすること。
　(4) 食事の提供に関する業務の委託について
　　・食事の提供に関する業務は施設自らが行うことが望ましいが、栄養管理、調理管理、材料管理、施設等管理、業
　　　務管理、衛生管理、労働衛生管理について施設自らが行う等、当該施設の施設長が業務遂行上必要な注意を果た
　　　し得るような体制と契約内容により、食事サービスの質が確保される場合には、当該施設の最終的責任の下で第
　　　三者に委託することができる。
　(5) 居室関係部門と食事関係部門との連携について
　　・入所者の嚥下や咀嚼の状況、食欲など心身の状態等を当該入所者の食事に的確に反映させるために、居室関係部
　　　門と食事関係部門との連絡が十分とられていることが必要であること。
　(6) 栄養食事相談
　　・入所者に対しては適切な栄養食事相談を行う必要があること。
　(7) 食事内容の検討について
　　・当該施設の医師又は栄養士（配置していない施設においては連携先の栄養士）を含む会議において検討が加えら
　　　れなければならないこと。</t>
    <rPh sb="1" eb="6">
      <t>カイシャクツウチダイ</t>
    </rPh>
    <rPh sb="15" eb="17">
      <t>ショクジ</t>
    </rPh>
    <rPh sb="18" eb="20">
      <t>テイキョウ</t>
    </rPh>
    <rPh sb="28" eb="31">
      <t>ニュウショシャ</t>
    </rPh>
    <rPh sb="32" eb="34">
      <t>シンシン</t>
    </rPh>
    <rPh sb="35" eb="37">
      <t>ジョウキョウ</t>
    </rPh>
    <rPh sb="38" eb="40">
      <t>シコウ</t>
    </rPh>
    <rPh sb="41" eb="42">
      <t>オウ</t>
    </rPh>
    <rPh sb="44" eb="46">
      <t>テキセツ</t>
    </rPh>
    <rPh sb="47" eb="49">
      <t>エイヨウ</t>
    </rPh>
    <rPh sb="49" eb="50">
      <t>リョウ</t>
    </rPh>
    <rPh sb="50" eb="51">
      <t>オヨ</t>
    </rPh>
    <rPh sb="52" eb="54">
      <t>ナイヨウ</t>
    </rPh>
    <rPh sb="64" eb="67">
      <t>ニュウショシャ</t>
    </rPh>
    <rPh sb="68" eb="70">
      <t>ジリツ</t>
    </rPh>
    <rPh sb="71" eb="73">
      <t>シエン</t>
    </rPh>
    <rPh sb="74" eb="76">
      <t>ハイリョ</t>
    </rPh>
    <rPh sb="83" eb="85">
      <t>リショウ</t>
    </rPh>
    <rPh sb="87" eb="89">
      <t>ショクドウ</t>
    </rPh>
    <rPh sb="90" eb="91">
      <t>オコナ</t>
    </rPh>
    <rPh sb="96" eb="97">
      <t>ツト</t>
    </rPh>
    <rPh sb="115" eb="117">
      <t>チョウリ</t>
    </rPh>
    <rPh sb="130" eb="132">
      <t>サクセイ</t>
    </rPh>
    <rPh sb="135" eb="137">
      <t>コンダテ</t>
    </rPh>
    <rPh sb="138" eb="139">
      <t>シタガ</t>
    </rPh>
    <rPh sb="141" eb="142">
      <t>オコナ</t>
    </rPh>
    <rPh sb="150" eb="152">
      <t>ジッシ</t>
    </rPh>
    <rPh sb="152" eb="154">
      <t>ジョウキョウ</t>
    </rPh>
    <rPh sb="155" eb="156">
      <t>アキ</t>
    </rPh>
    <rPh sb="170" eb="172">
      <t>ビョウジャク</t>
    </rPh>
    <rPh sb="172" eb="173">
      <t>シャ</t>
    </rPh>
    <rPh sb="174" eb="175">
      <t>タイ</t>
    </rPh>
    <rPh sb="177" eb="179">
      <t>コンダテ</t>
    </rPh>
    <rPh sb="185" eb="187">
      <t>ヒツヨウ</t>
    </rPh>
    <rPh sb="188" eb="189">
      <t>オウ</t>
    </rPh>
    <rPh sb="191" eb="193">
      <t>イシ</t>
    </rPh>
    <rPh sb="194" eb="196">
      <t>シドウ</t>
    </rPh>
    <rPh sb="197" eb="198">
      <t>ウ</t>
    </rPh>
    <rPh sb="209" eb="211">
      <t>テキジ</t>
    </rPh>
    <rPh sb="212" eb="214">
      <t>ショクジ</t>
    </rPh>
    <rPh sb="215" eb="217">
      <t>テイキョウ</t>
    </rPh>
    <rPh sb="225" eb="227">
      <t>ユウショク</t>
    </rPh>
    <rPh sb="227" eb="229">
      <t>ジカン</t>
    </rPh>
    <rPh sb="230" eb="232">
      <t>ゴゴ</t>
    </rPh>
    <rPh sb="233" eb="234">
      <t>ジ</t>
    </rPh>
    <rPh sb="234" eb="236">
      <t>イコウ</t>
    </rPh>
    <rPh sb="242" eb="243">
      <t>ノゾ</t>
    </rPh>
    <rPh sb="248" eb="249">
      <t>ハヤ</t>
    </rPh>
    <rPh sb="252" eb="254">
      <t>ゴゴ</t>
    </rPh>
    <rPh sb="255" eb="256">
      <t>ジ</t>
    </rPh>
    <rPh sb="256" eb="258">
      <t>イコウ</t>
    </rPh>
    <rPh sb="270" eb="272">
      <t>ショクジ</t>
    </rPh>
    <rPh sb="273" eb="275">
      <t>テイキョウ</t>
    </rPh>
    <rPh sb="276" eb="277">
      <t>カン</t>
    </rPh>
    <rPh sb="279" eb="281">
      <t>ギョウム</t>
    </rPh>
    <rPh sb="282" eb="284">
      <t>イタク</t>
    </rPh>
    <rPh sb="292" eb="294">
      <t>ショクジ</t>
    </rPh>
    <rPh sb="295" eb="297">
      <t>テイキョウ</t>
    </rPh>
    <rPh sb="298" eb="299">
      <t>カン</t>
    </rPh>
    <rPh sb="301" eb="303">
      <t>ギョウム</t>
    </rPh>
    <rPh sb="304" eb="306">
      <t>シセツ</t>
    </rPh>
    <rPh sb="306" eb="307">
      <t>ミズカ</t>
    </rPh>
    <rPh sb="309" eb="310">
      <t>オコナ</t>
    </rPh>
    <rPh sb="314" eb="315">
      <t>ノゾ</t>
    </rPh>
    <rPh sb="320" eb="322">
      <t>エイヨウ</t>
    </rPh>
    <rPh sb="322" eb="324">
      <t>カンリ</t>
    </rPh>
    <rPh sb="325" eb="327">
      <t>チョウリ</t>
    </rPh>
    <rPh sb="327" eb="329">
      <t>カンリ</t>
    </rPh>
    <rPh sb="330" eb="332">
      <t>ザイリョウ</t>
    </rPh>
    <rPh sb="332" eb="334">
      <t>カンリ</t>
    </rPh>
    <rPh sb="335" eb="337">
      <t>シセツ</t>
    </rPh>
    <rPh sb="337" eb="338">
      <t>トウ</t>
    </rPh>
    <rPh sb="338" eb="340">
      <t>カンリ</t>
    </rPh>
    <rPh sb="347" eb="349">
      <t>カンリ</t>
    </rPh>
    <rPh sb="350" eb="352">
      <t>エイセイ</t>
    </rPh>
    <rPh sb="352" eb="354">
      <t>カンリ</t>
    </rPh>
    <rPh sb="355" eb="357">
      <t>ロウドウ</t>
    </rPh>
    <rPh sb="357" eb="359">
      <t>エイセイ</t>
    </rPh>
    <rPh sb="359" eb="361">
      <t>カンリ</t>
    </rPh>
    <rPh sb="365" eb="367">
      <t>シセツ</t>
    </rPh>
    <rPh sb="367" eb="368">
      <t>ミズカ</t>
    </rPh>
    <rPh sb="370" eb="371">
      <t>オコナ</t>
    </rPh>
    <rPh sb="372" eb="373">
      <t>トウ</t>
    </rPh>
    <rPh sb="374" eb="376">
      <t>トウガイ</t>
    </rPh>
    <rPh sb="376" eb="378">
      <t>シセツ</t>
    </rPh>
    <rPh sb="379" eb="381">
      <t>シセツ</t>
    </rPh>
    <rPh sb="381" eb="382">
      <t>チョウ</t>
    </rPh>
    <rPh sb="383" eb="385">
      <t>ギョウム</t>
    </rPh>
    <rPh sb="385" eb="387">
      <t>スイコウ</t>
    </rPh>
    <rPh sb="387" eb="388">
      <t>ジョウ</t>
    </rPh>
    <rPh sb="388" eb="390">
      <t>ヒツヨウ</t>
    </rPh>
    <rPh sb="391" eb="393">
      <t>チュウイ</t>
    </rPh>
    <rPh sb="394" eb="395">
      <t>ハ</t>
    </rPh>
    <rPh sb="401" eb="402">
      <t>ウ</t>
    </rPh>
    <rPh sb="406" eb="408">
      <t>タイセイ</t>
    </rPh>
    <rPh sb="409" eb="411">
      <t>ケイヤク</t>
    </rPh>
    <rPh sb="411" eb="413">
      <t>ナイヨウ</t>
    </rPh>
    <rPh sb="417" eb="419">
      <t>ショクジ</t>
    </rPh>
    <rPh sb="424" eb="425">
      <t>シツ</t>
    </rPh>
    <rPh sb="426" eb="428">
      <t>カクホ</t>
    </rPh>
    <rPh sb="431" eb="433">
      <t>バアイ</t>
    </rPh>
    <rPh sb="436" eb="438">
      <t>トウガイ</t>
    </rPh>
    <rPh sb="438" eb="440">
      <t>シセツ</t>
    </rPh>
    <rPh sb="441" eb="444">
      <t>サイシュウテキ</t>
    </rPh>
    <rPh sb="444" eb="446">
      <t>セキニン</t>
    </rPh>
    <rPh sb="447" eb="448">
      <t>モト</t>
    </rPh>
    <rPh sb="457" eb="459">
      <t>イタク</t>
    </rPh>
    <rPh sb="474" eb="476">
      <t>キョシツ</t>
    </rPh>
    <rPh sb="476" eb="478">
      <t>カンケイ</t>
    </rPh>
    <rPh sb="478" eb="480">
      <t>ブモン</t>
    </rPh>
    <rPh sb="481" eb="483">
      <t>ショクジ</t>
    </rPh>
    <rPh sb="483" eb="485">
      <t>カンケイ</t>
    </rPh>
    <rPh sb="485" eb="487">
      <t>ブモン</t>
    </rPh>
    <rPh sb="489" eb="491">
      <t>レンケイ</t>
    </rPh>
    <rPh sb="499" eb="502">
      <t>ニュウショシャ</t>
    </rPh>
    <rPh sb="503" eb="505">
      <t>エンゲ</t>
    </rPh>
    <rPh sb="506" eb="508">
      <t>ソシャク</t>
    </rPh>
    <rPh sb="509" eb="511">
      <t>ジョウキョウ</t>
    </rPh>
    <rPh sb="512" eb="514">
      <t>ショクヨク</t>
    </rPh>
    <rPh sb="516" eb="518">
      <t>シンシン</t>
    </rPh>
    <rPh sb="519" eb="521">
      <t>ジョウタイ</t>
    </rPh>
    <rPh sb="521" eb="522">
      <t>トウ</t>
    </rPh>
    <rPh sb="523" eb="525">
      <t>トウガイ</t>
    </rPh>
    <rPh sb="525" eb="528">
      <t>ニュウショシャ</t>
    </rPh>
    <rPh sb="529" eb="531">
      <t>ショクジ</t>
    </rPh>
    <rPh sb="532" eb="534">
      <t>テキカク</t>
    </rPh>
    <rPh sb="535" eb="537">
      <t>ハンエイ</t>
    </rPh>
    <rPh sb="544" eb="546">
      <t>キョシツ</t>
    </rPh>
    <rPh sb="546" eb="548">
      <t>カンケイ</t>
    </rPh>
    <rPh sb="555" eb="557">
      <t>ショクジ</t>
    </rPh>
    <rPh sb="557" eb="559">
      <t>カンケイ</t>
    </rPh>
    <rPh sb="559" eb="561">
      <t>ブモン</t>
    </rPh>
    <rPh sb="563" eb="565">
      <t>レンラク</t>
    </rPh>
    <rPh sb="566" eb="568">
      <t>ジュウブン</t>
    </rPh>
    <rPh sb="577" eb="579">
      <t>ヒツヨウ</t>
    </rPh>
    <rPh sb="591" eb="593">
      <t>エイヨウ</t>
    </rPh>
    <rPh sb="593" eb="595">
      <t>ショクジ</t>
    </rPh>
    <rPh sb="595" eb="597">
      <t>ソウダン</t>
    </rPh>
    <rPh sb="601" eb="604">
      <t>ニュウショシャ</t>
    </rPh>
    <rPh sb="605" eb="606">
      <t>タイ</t>
    </rPh>
    <rPh sb="609" eb="611">
      <t>テキセツ</t>
    </rPh>
    <rPh sb="612" eb="614">
      <t>エイヨウ</t>
    </rPh>
    <rPh sb="614" eb="616">
      <t>ショクジ</t>
    </rPh>
    <rPh sb="616" eb="618">
      <t>ソウダン</t>
    </rPh>
    <rPh sb="619" eb="620">
      <t>オコナ</t>
    </rPh>
    <rPh sb="621" eb="623">
      <t>ヒツヨウ</t>
    </rPh>
    <rPh sb="635" eb="637">
      <t>ショクジ</t>
    </rPh>
    <rPh sb="637" eb="639">
      <t>ナイヨウ</t>
    </rPh>
    <rPh sb="640" eb="642">
      <t>ケントウ</t>
    </rPh>
    <rPh sb="650" eb="652">
      <t>トウガイ</t>
    </rPh>
    <rPh sb="652" eb="654">
      <t>シセツ</t>
    </rPh>
    <rPh sb="655" eb="657">
      <t>イシ</t>
    </rPh>
    <rPh sb="657" eb="658">
      <t>マタ</t>
    </rPh>
    <rPh sb="659" eb="662">
      <t>エイヨウシ</t>
    </rPh>
    <rPh sb="663" eb="665">
      <t>ハイチ</t>
    </rPh>
    <rPh sb="670" eb="672">
      <t>シセツ</t>
    </rPh>
    <rPh sb="677" eb="679">
      <t>レンケイ</t>
    </rPh>
    <rPh sb="679" eb="680">
      <t>サキ</t>
    </rPh>
    <rPh sb="681" eb="684">
      <t>エイヨウシ</t>
    </rPh>
    <rPh sb="686" eb="687">
      <t>フク</t>
    </rPh>
    <rPh sb="688" eb="690">
      <t>カイギ</t>
    </rPh>
    <rPh sb="694" eb="696">
      <t>ケントウ</t>
    </rPh>
    <rPh sb="697" eb="698">
      <t>クワ</t>
    </rPh>
    <phoneticPr fontId="1"/>
  </si>
  <si>
    <t>○解釈通知第5-5-(1)（第1項関係）
・常時必要な指導を行い得る体制をとることにより、積極的に入所者の生活の向上を図ることを趣旨とするものである。
・相談に当たっては、管理規程に従うべきことはもちろんであるが、さらに入所者の年齢、性別、性格、生活歴及び心
　身の状況等を考慮して個別的な処遇方針を定めることが適当であること。
○解釈通知第5-5-(2)（第3項関係）
・施設は、要介護認定に係る申請や証明書の交付等、入所者が必要とする手続等について、入所者又はその家族が行う
　ことが困難な場合は、原則としてその都度、必要な支援を行わなければならないこととしたものである。
・特に金銭に係るものについては書面等をもって事前に同意を得るとともに、代行した後はその都度本人に確認を得る
　ものとする。併せて、これらについてはその経過を記録しておくこと。
○解釈通知第5-5-(3)（第4項関係）
・施設は、入所者の家族に対し、当該施設の会報の送付、当該施設が実施する行事への参加の呼びかけ等によって入所
　者とその家族が交流できる機会等を確保するよう努めなければならないこととするものである。
・入所者と家族の面会の場所や時間等についても、入所者やその家族の利便に配慮したものとする。
○解釈通知第5-5-(4)（第5項関係）
・施設は、入所者の生活を当該施設内で完結させてしまうことのないよう、入所者の希望や心身の状況を踏まえなが
　ら、買物や外食、図書館や公民館等の公共施設の利用、地域の行事への参加、友人宅の訪問、散歩など、入所者に多
　様な外出の機会を確保するよう努めなければならないこととするものである。
○解釈通知第5-5-(5),(6)
・施設は、入所者の生活意欲の増進等を図るため、その身体的、精神的条件に応じた減退機能の回復訓練又は機能減退
　防止のための訓練に、常に参加できるようその機会を与えるとともに、日常生活及びレクリエーション行事の実施等
　に当たってもその効果を配慮すること。
・生活相談等に当たっては、いたずらに入所者を強制し、自由を拘束することとならないよう留意すること。</t>
    <rPh sb="1" eb="6">
      <t>カイシャクツウチダイ</t>
    </rPh>
    <rPh sb="14" eb="15">
      <t>ダイ</t>
    </rPh>
    <rPh sb="16" eb="17">
      <t>コウ</t>
    </rPh>
    <rPh sb="17" eb="19">
      <t>カンケイ</t>
    </rPh>
    <rPh sb="22" eb="24">
      <t>ジョウジ</t>
    </rPh>
    <rPh sb="24" eb="26">
      <t>ヒツヨウ</t>
    </rPh>
    <rPh sb="27" eb="29">
      <t>シドウ</t>
    </rPh>
    <rPh sb="30" eb="31">
      <t>オコナ</t>
    </rPh>
    <rPh sb="32" eb="33">
      <t>ウ</t>
    </rPh>
    <rPh sb="34" eb="36">
      <t>タイセイ</t>
    </rPh>
    <rPh sb="45" eb="48">
      <t>セッキョクテキ</t>
    </rPh>
    <rPh sb="49" eb="52">
      <t>ニュウショシャ</t>
    </rPh>
    <rPh sb="53" eb="55">
      <t>セイカツ</t>
    </rPh>
    <rPh sb="56" eb="58">
      <t>コウジョウ</t>
    </rPh>
    <rPh sb="59" eb="60">
      <t>ハカ</t>
    </rPh>
    <rPh sb="64" eb="66">
      <t>シュシ</t>
    </rPh>
    <rPh sb="77" eb="79">
      <t>ソウダン</t>
    </rPh>
    <rPh sb="80" eb="81">
      <t>ア</t>
    </rPh>
    <rPh sb="86" eb="88">
      <t>カンリ</t>
    </rPh>
    <rPh sb="88" eb="90">
      <t>キテイ</t>
    </rPh>
    <rPh sb="91" eb="92">
      <t>シタガ</t>
    </rPh>
    <rPh sb="110" eb="113">
      <t>ニュウショシャ</t>
    </rPh>
    <rPh sb="114" eb="116">
      <t>ネンレイ</t>
    </rPh>
    <rPh sb="117" eb="119">
      <t>セイベツ</t>
    </rPh>
    <rPh sb="120" eb="122">
      <t>セイカク</t>
    </rPh>
    <rPh sb="123" eb="125">
      <t>セイカツ</t>
    </rPh>
    <rPh sb="125" eb="126">
      <t>レキ</t>
    </rPh>
    <rPh sb="126" eb="127">
      <t>オヨ</t>
    </rPh>
    <rPh sb="133" eb="135">
      <t>ジョウキョウ</t>
    </rPh>
    <rPh sb="135" eb="136">
      <t>トウ</t>
    </rPh>
    <rPh sb="137" eb="139">
      <t>コウリョ</t>
    </rPh>
    <rPh sb="141" eb="144">
      <t>コベツテキ</t>
    </rPh>
    <rPh sb="145" eb="147">
      <t>ショグウ</t>
    </rPh>
    <rPh sb="147" eb="149">
      <t>ホウシン</t>
    </rPh>
    <rPh sb="150" eb="151">
      <t>サダ</t>
    </rPh>
    <rPh sb="156" eb="158">
      <t>テキトウ</t>
    </rPh>
    <rPh sb="166" eb="171">
      <t>カイシャクツウチダイ</t>
    </rPh>
    <rPh sb="179" eb="180">
      <t>ダイ</t>
    </rPh>
    <rPh sb="181" eb="182">
      <t>コウ</t>
    </rPh>
    <rPh sb="182" eb="184">
      <t>カンケイ</t>
    </rPh>
    <rPh sb="187" eb="189">
      <t>シセツ</t>
    </rPh>
    <rPh sb="208" eb="209">
      <t>トウ</t>
    </rPh>
    <rPh sb="210" eb="213">
      <t>ニュウショシャ</t>
    </rPh>
    <rPh sb="214" eb="216">
      <t>ヒツヨウ</t>
    </rPh>
    <rPh sb="219" eb="221">
      <t>テツヅキ</t>
    </rPh>
    <rPh sb="221" eb="222">
      <t>トウ</t>
    </rPh>
    <rPh sb="227" eb="230">
      <t>ニュウショシャ</t>
    </rPh>
    <rPh sb="230" eb="231">
      <t>マタ</t>
    </rPh>
    <rPh sb="234" eb="236">
      <t>カゾク</t>
    </rPh>
    <rPh sb="237" eb="238">
      <t>オコナ</t>
    </rPh>
    <rPh sb="244" eb="246">
      <t>コンナン</t>
    </rPh>
    <rPh sb="247" eb="249">
      <t>バアイ</t>
    </rPh>
    <rPh sb="251" eb="253">
      <t>ゲンソク</t>
    </rPh>
    <rPh sb="258" eb="260">
      <t>ツド</t>
    </rPh>
    <rPh sb="290" eb="291">
      <t>トク</t>
    </rPh>
    <rPh sb="292" eb="294">
      <t>キンセン</t>
    </rPh>
    <rPh sb="295" eb="296">
      <t>カカ</t>
    </rPh>
    <rPh sb="304" eb="306">
      <t>ショメン</t>
    </rPh>
    <rPh sb="306" eb="307">
      <t>トウ</t>
    </rPh>
    <rPh sb="311" eb="313">
      <t>ジゼン</t>
    </rPh>
    <rPh sb="314" eb="316">
      <t>ドウイ</t>
    </rPh>
    <rPh sb="317" eb="318">
      <t>ウ</t>
    </rPh>
    <rPh sb="324" eb="326">
      <t>ダイコウ</t>
    </rPh>
    <rPh sb="328" eb="329">
      <t>ノチ</t>
    </rPh>
    <rPh sb="332" eb="334">
      <t>ツド</t>
    </rPh>
    <rPh sb="334" eb="336">
      <t>ホンニン</t>
    </rPh>
    <rPh sb="337" eb="339">
      <t>カクニン</t>
    </rPh>
    <rPh sb="340" eb="341">
      <t>エ</t>
    </rPh>
    <rPh sb="350" eb="351">
      <t>アワ</t>
    </rPh>
    <rPh sb="364" eb="366">
      <t>ケイカ</t>
    </rPh>
    <rPh sb="367" eb="369">
      <t>キロク</t>
    </rPh>
    <rPh sb="378" eb="383">
      <t>カイシャクツウチダイ</t>
    </rPh>
    <rPh sb="391" eb="392">
      <t>ダイ</t>
    </rPh>
    <rPh sb="393" eb="394">
      <t>コウ</t>
    </rPh>
    <rPh sb="394" eb="396">
      <t>カンケイ</t>
    </rPh>
    <rPh sb="399" eb="401">
      <t>シセツ</t>
    </rPh>
    <rPh sb="403" eb="406">
      <t>ニュウショシャ</t>
    </rPh>
    <rPh sb="407" eb="409">
      <t>カゾク</t>
    </rPh>
    <rPh sb="410" eb="411">
      <t>タイ</t>
    </rPh>
    <rPh sb="413" eb="415">
      <t>トウガイ</t>
    </rPh>
    <rPh sb="415" eb="417">
      <t>シセツ</t>
    </rPh>
    <rPh sb="418" eb="420">
      <t>カイホウ</t>
    </rPh>
    <rPh sb="421" eb="423">
      <t>ソウフ</t>
    </rPh>
    <rPh sb="424" eb="426">
      <t>トウガイ</t>
    </rPh>
    <rPh sb="426" eb="428">
      <t>シセツ</t>
    </rPh>
    <rPh sb="429" eb="431">
      <t>ジッシ</t>
    </rPh>
    <rPh sb="433" eb="435">
      <t>ギョウジ</t>
    </rPh>
    <rPh sb="437" eb="439">
      <t>サンカ</t>
    </rPh>
    <rPh sb="440" eb="441">
      <t>ヨ</t>
    </rPh>
    <rPh sb="444" eb="445">
      <t>トウ</t>
    </rPh>
    <rPh sb="457" eb="459">
      <t>カゾク</t>
    </rPh>
    <rPh sb="460" eb="462">
      <t>コウリュウ</t>
    </rPh>
    <rPh sb="465" eb="467">
      <t>キカイ</t>
    </rPh>
    <rPh sb="467" eb="468">
      <t>トウ</t>
    </rPh>
    <rPh sb="469" eb="471">
      <t>カクホ</t>
    </rPh>
    <rPh sb="475" eb="476">
      <t>ツト</t>
    </rPh>
    <rPh sb="498" eb="501">
      <t>ニュウショシャ</t>
    </rPh>
    <rPh sb="502" eb="504">
      <t>カゾク</t>
    </rPh>
    <rPh sb="505" eb="507">
      <t>メンカイ</t>
    </rPh>
    <rPh sb="508" eb="510">
      <t>バショ</t>
    </rPh>
    <rPh sb="511" eb="513">
      <t>ジカン</t>
    </rPh>
    <rPh sb="513" eb="514">
      <t>トウ</t>
    </rPh>
    <rPh sb="520" eb="523">
      <t>ニュウショシャ</t>
    </rPh>
    <rPh sb="526" eb="528">
      <t>カゾク</t>
    </rPh>
    <rPh sb="529" eb="531">
      <t>リベン</t>
    </rPh>
    <rPh sb="532" eb="534">
      <t>ハイリョ</t>
    </rPh>
    <rPh sb="544" eb="549">
      <t>カイシャクツウチダイ</t>
    </rPh>
    <rPh sb="557" eb="558">
      <t>ダイ</t>
    </rPh>
    <rPh sb="559" eb="560">
      <t>コウ</t>
    </rPh>
    <rPh sb="560" eb="562">
      <t>カンケイ</t>
    </rPh>
    <rPh sb="565" eb="567">
      <t>シセツ</t>
    </rPh>
    <rPh sb="569" eb="572">
      <t>ニュウショシャ</t>
    </rPh>
    <rPh sb="573" eb="575">
      <t>セイカツ</t>
    </rPh>
    <rPh sb="576" eb="578">
      <t>トウガイ</t>
    </rPh>
    <rPh sb="578" eb="580">
      <t>シセツ</t>
    </rPh>
    <rPh sb="580" eb="581">
      <t>ナイ</t>
    </rPh>
    <rPh sb="582" eb="584">
      <t>カンケツ</t>
    </rPh>
    <rPh sb="598" eb="601">
      <t>ニュウショシャ</t>
    </rPh>
    <rPh sb="602" eb="604">
      <t>キボウ</t>
    </rPh>
    <rPh sb="605" eb="607">
      <t>シンシン</t>
    </rPh>
    <rPh sb="608" eb="610">
      <t>ジョウキョウ</t>
    </rPh>
    <rPh sb="611" eb="612">
      <t>フ</t>
    </rPh>
    <rPh sb="620" eb="622">
      <t>カイモノ</t>
    </rPh>
    <rPh sb="623" eb="625">
      <t>ガイショク</t>
    </rPh>
    <rPh sb="626" eb="629">
      <t>トショカン</t>
    </rPh>
    <rPh sb="630" eb="633">
      <t>コウミンカン</t>
    </rPh>
    <rPh sb="633" eb="634">
      <t>トウ</t>
    </rPh>
    <rPh sb="635" eb="637">
      <t>コウキョウ</t>
    </rPh>
    <rPh sb="637" eb="639">
      <t>シセツ</t>
    </rPh>
    <rPh sb="640" eb="642">
      <t>リヨウ</t>
    </rPh>
    <rPh sb="643" eb="645">
      <t>チイキ</t>
    </rPh>
    <rPh sb="646" eb="648">
      <t>ギョウジ</t>
    </rPh>
    <rPh sb="650" eb="652">
      <t>サンカ</t>
    </rPh>
    <rPh sb="653" eb="656">
      <t>ユウジンタク</t>
    </rPh>
    <rPh sb="657" eb="659">
      <t>ホウモン</t>
    </rPh>
    <rPh sb="660" eb="662">
      <t>サンポ</t>
    </rPh>
    <rPh sb="665" eb="668">
      <t>ニュウショシャ</t>
    </rPh>
    <rPh sb="674" eb="676">
      <t>ガイシュツ</t>
    </rPh>
    <rPh sb="677" eb="679">
      <t>キカイ</t>
    </rPh>
    <rPh sb="680" eb="682">
      <t>カクホ</t>
    </rPh>
    <rPh sb="686" eb="687">
      <t>ツト</t>
    </rPh>
    <rPh sb="709" eb="711">
      <t>カイシャク</t>
    </rPh>
    <rPh sb="711" eb="713">
      <t>ツウチ</t>
    </rPh>
    <rPh sb="713" eb="714">
      <t>ダイ</t>
    </rPh>
    <rPh sb="727" eb="729">
      <t>シセツ</t>
    </rPh>
    <rPh sb="731" eb="734">
      <t>ニュウショシャ</t>
    </rPh>
    <rPh sb="735" eb="737">
      <t>セイカツ</t>
    </rPh>
    <rPh sb="737" eb="739">
      <t>イヨク</t>
    </rPh>
    <rPh sb="740" eb="742">
      <t>ゾウシン</t>
    </rPh>
    <rPh sb="742" eb="743">
      <t>トウ</t>
    </rPh>
    <rPh sb="744" eb="745">
      <t>ハカ</t>
    </rPh>
    <rPh sb="751" eb="754">
      <t>シンタイテキ</t>
    </rPh>
    <rPh sb="755" eb="758">
      <t>セイシンテキ</t>
    </rPh>
    <rPh sb="758" eb="760">
      <t>ジョウケン</t>
    </rPh>
    <rPh sb="761" eb="762">
      <t>オウ</t>
    </rPh>
    <rPh sb="764" eb="766">
      <t>ゲンタイ</t>
    </rPh>
    <rPh sb="766" eb="768">
      <t>キノウ</t>
    </rPh>
    <rPh sb="769" eb="771">
      <t>カイフク</t>
    </rPh>
    <rPh sb="771" eb="773">
      <t>クンレン</t>
    </rPh>
    <rPh sb="773" eb="774">
      <t>マタ</t>
    </rPh>
    <rPh sb="775" eb="777">
      <t>キノウ</t>
    </rPh>
    <rPh sb="777" eb="779">
      <t>ゲンタイ</t>
    </rPh>
    <rPh sb="781" eb="783">
      <t>ボウシ</t>
    </rPh>
    <rPh sb="787" eb="789">
      <t>クンレン</t>
    </rPh>
    <rPh sb="791" eb="792">
      <t>ツネ</t>
    </rPh>
    <rPh sb="793" eb="795">
      <t>サンカ</t>
    </rPh>
    <rPh sb="802" eb="804">
      <t>キカイ</t>
    </rPh>
    <rPh sb="805" eb="806">
      <t>アタ</t>
    </rPh>
    <rPh sb="813" eb="815">
      <t>ニチジョウ</t>
    </rPh>
    <rPh sb="815" eb="817">
      <t>セイカツ</t>
    </rPh>
    <rPh sb="817" eb="818">
      <t>オヨ</t>
    </rPh>
    <rPh sb="827" eb="829">
      <t>ギョウジ</t>
    </rPh>
    <rPh sb="830" eb="832">
      <t>ジッシ</t>
    </rPh>
    <rPh sb="832" eb="833">
      <t>トウ</t>
    </rPh>
    <rPh sb="836" eb="837">
      <t>ア</t>
    </rPh>
    <rPh sb="843" eb="845">
      <t>コウカ</t>
    </rPh>
    <rPh sb="846" eb="848">
      <t>ハイリョ</t>
    </rPh>
    <rPh sb="855" eb="857">
      <t>セイカツ</t>
    </rPh>
    <rPh sb="857" eb="859">
      <t>ソウダン</t>
    </rPh>
    <rPh sb="859" eb="860">
      <t>トウ</t>
    </rPh>
    <rPh sb="861" eb="862">
      <t>ア</t>
    </rPh>
    <rPh sb="872" eb="875">
      <t>ニュウショシャ</t>
    </rPh>
    <rPh sb="876" eb="878">
      <t>キョウセイ</t>
    </rPh>
    <rPh sb="880" eb="882">
      <t>ジユウ</t>
    </rPh>
    <rPh sb="883" eb="885">
      <t>コウソク</t>
    </rPh>
    <rPh sb="896" eb="898">
      <t>リュウイ</t>
    </rPh>
    <phoneticPr fontId="1"/>
  </si>
  <si>
    <t>【事業主が講じることが望ましい取組】
・パワーハラスメント指針においては、顧客等からの著しい迷惑行為（カスタマーハラスメント）の防止のために事業
　者が雇用管理上の配慮として行うことが望ましい取組の例として、
　①相談に応じ、適切に対応するために必要な体制の整備
　②被害者への配慮のための取組（メンタルヘルス不調への相談対応、行為者に対して一人で対応させない等）
　③被害防止のための取組（マニュアル作成や研修の実施等、業種・業態等の状況に応じた取組）
　が規定されている。
・福祉・介護現場では特に、入所者又はその家族等からのカスタマーハラスメントの防止が求められていることから、
　必要な措置を講じるに当たっては、「介護現場におけるハラスメント対策マニュアル」、「（管理職・職員向け）研
　修のための手引き」等を参考にした取組を行うことが望ましい。</t>
    <rPh sb="29" eb="31">
      <t>シシン</t>
    </rPh>
    <rPh sb="37" eb="39">
      <t>コキャク</t>
    </rPh>
    <rPh sb="39" eb="40">
      <t>トウ</t>
    </rPh>
    <rPh sb="43" eb="44">
      <t>イチジル</t>
    </rPh>
    <rPh sb="46" eb="48">
      <t>メイワク</t>
    </rPh>
    <rPh sb="48" eb="50">
      <t>コウイ</t>
    </rPh>
    <rPh sb="64" eb="66">
      <t>ボウシ</t>
    </rPh>
    <rPh sb="74" eb="75">
      <t>シャ</t>
    </rPh>
    <rPh sb="76" eb="78">
      <t>コヨウ</t>
    </rPh>
    <rPh sb="78" eb="80">
      <t>カンリ</t>
    </rPh>
    <rPh sb="80" eb="81">
      <t>ジョウ</t>
    </rPh>
    <rPh sb="82" eb="84">
      <t>ハイリョ</t>
    </rPh>
    <rPh sb="87" eb="88">
      <t>オコナ</t>
    </rPh>
    <rPh sb="92" eb="93">
      <t>ノゾ</t>
    </rPh>
    <rPh sb="96" eb="98">
      <t>トリクミ</t>
    </rPh>
    <rPh sb="99" eb="100">
      <t>レイ</t>
    </rPh>
    <rPh sb="107" eb="109">
      <t>ソウダン</t>
    </rPh>
    <rPh sb="110" eb="111">
      <t>オウ</t>
    </rPh>
    <rPh sb="113" eb="115">
      <t>テキセツ</t>
    </rPh>
    <rPh sb="116" eb="118">
      <t>タイオウ</t>
    </rPh>
    <rPh sb="123" eb="125">
      <t>ヒツヨウ</t>
    </rPh>
    <rPh sb="126" eb="128">
      <t>タイセイ</t>
    </rPh>
    <rPh sb="129" eb="131">
      <t>セイビ</t>
    </rPh>
    <rPh sb="134" eb="137">
      <t>ヒガイシャ</t>
    </rPh>
    <rPh sb="139" eb="141">
      <t>ハイリョ</t>
    </rPh>
    <rPh sb="145" eb="147">
      <t>トリクミ</t>
    </rPh>
    <rPh sb="155" eb="157">
      <t>フチョウ</t>
    </rPh>
    <rPh sb="159" eb="161">
      <t>ソウダン</t>
    </rPh>
    <rPh sb="161" eb="163">
      <t>タイオウ</t>
    </rPh>
    <rPh sb="164" eb="167">
      <t>コウイシャ</t>
    </rPh>
    <rPh sb="168" eb="169">
      <t>タイ</t>
    </rPh>
    <rPh sb="171" eb="173">
      <t>ヒトリ</t>
    </rPh>
    <rPh sb="174" eb="176">
      <t>タイオウ</t>
    </rPh>
    <rPh sb="180" eb="181">
      <t>トウ</t>
    </rPh>
    <rPh sb="185" eb="187">
      <t>ヒガイ</t>
    </rPh>
    <rPh sb="187" eb="189">
      <t>ボウシ</t>
    </rPh>
    <rPh sb="193" eb="195">
      <t>トリクミ</t>
    </rPh>
    <rPh sb="201" eb="203">
      <t>サクセイ</t>
    </rPh>
    <rPh sb="204" eb="206">
      <t>ケンシュウ</t>
    </rPh>
    <rPh sb="207" eb="209">
      <t>ジッシ</t>
    </rPh>
    <rPh sb="209" eb="210">
      <t>トウ</t>
    </rPh>
    <rPh sb="211" eb="213">
      <t>ギョウシュ</t>
    </rPh>
    <rPh sb="214" eb="216">
      <t>ギョウタイ</t>
    </rPh>
    <rPh sb="216" eb="217">
      <t>トウ</t>
    </rPh>
    <rPh sb="218" eb="220">
      <t>ジョウキョウ</t>
    </rPh>
    <rPh sb="221" eb="222">
      <t>オウ</t>
    </rPh>
    <rPh sb="224" eb="226">
      <t>トリクミ</t>
    </rPh>
    <rPh sb="230" eb="232">
      <t>キテイ</t>
    </rPh>
    <rPh sb="240" eb="242">
      <t>フクシ</t>
    </rPh>
    <rPh sb="243" eb="245">
      <t>カイゴ</t>
    </rPh>
    <rPh sb="245" eb="247">
      <t>ゲンバ</t>
    </rPh>
    <rPh sb="249" eb="250">
      <t>トク</t>
    </rPh>
    <rPh sb="252" eb="255">
      <t>ニュウショシャ</t>
    </rPh>
    <rPh sb="255" eb="256">
      <t>マタ</t>
    </rPh>
    <rPh sb="259" eb="261">
      <t>カゾク</t>
    </rPh>
    <rPh sb="261" eb="262">
      <t>トウ</t>
    </rPh>
    <rPh sb="277" eb="279">
      <t>ボウシ</t>
    </rPh>
    <rPh sb="280" eb="281">
      <t>モト</t>
    </rPh>
    <rPh sb="294" eb="296">
      <t>ヒツヨウ</t>
    </rPh>
    <rPh sb="297" eb="299">
      <t>ソチ</t>
    </rPh>
    <rPh sb="300" eb="301">
      <t>コウ</t>
    </rPh>
    <rPh sb="304" eb="305">
      <t>ア</t>
    </rPh>
    <rPh sb="311" eb="313">
      <t>カイゴ</t>
    </rPh>
    <rPh sb="313" eb="315">
      <t>ゲンバ</t>
    </rPh>
    <rPh sb="325" eb="327">
      <t>タイサク</t>
    </rPh>
    <rPh sb="336" eb="338">
      <t>カンリ</t>
    </rPh>
    <rPh sb="338" eb="339">
      <t>ショク</t>
    </rPh>
    <rPh sb="340" eb="342">
      <t>ショクイン</t>
    </rPh>
    <rPh sb="342" eb="343">
      <t>ム</t>
    </rPh>
    <rPh sb="353" eb="355">
      <t>テビ</t>
    </rPh>
    <rPh sb="357" eb="358">
      <t>トウ</t>
    </rPh>
    <rPh sb="359" eb="361">
      <t>サンコウ</t>
    </rPh>
    <rPh sb="364" eb="366">
      <t>トリクミ</t>
    </rPh>
    <rPh sb="367" eb="368">
      <t>オコナ</t>
    </rPh>
    <rPh sb="372" eb="373">
      <t>ノゾ</t>
    </rPh>
    <phoneticPr fontId="1"/>
  </si>
  <si>
    <t>○解釈通知第5-9-(3)（第3項関係）
・認知症介護基礎研修を受講させるために必要な措置の義務付けの対象とならない者は、看護師、准看護師、介護福祉
　士、介護支援専門員、実務者研修修了者、介護職員初任者研修修了者、生活援助従事者研修修了者、介護職員基礎研
　修課程修了者、訪問介護員養成研修課程一級課程・二級課程修了者、社会福祉士、医師、歯科医師、薬剤師、理学療
　法士、作業療法士、言語聴覚士、精神保健福祉士、管理栄養士、栄養士、あん摩マッサージ師、はり師、きゅう師等
　とする。
・令和6年3月31日までに医療・福祉関係資格を有さない全ての職員に対し、認知症介護基礎研修を受講させるための必
　要な措置を講じなければならない。</t>
    <rPh sb="1" eb="3">
      <t>カイシャク</t>
    </rPh>
    <rPh sb="3" eb="5">
      <t>ツウチ</t>
    </rPh>
    <rPh sb="5" eb="6">
      <t>ダイ</t>
    </rPh>
    <phoneticPr fontId="1"/>
  </si>
  <si>
    <t>・新卒採用、中途採用を問わず、施設が新たに採用した医療・福祉関係資格を有さない職員に対する義務付けの適用に
　ついては、採用後1年間の猶予期間を設けることとし、採用後1年を経過するまでに認知症介護基礎研修を受講させる
　こととする。</t>
    <phoneticPr fontId="1"/>
  </si>
  <si>
    <t>○解釈通知第5-10
・業務継続計画の策定、研修及び訓練の実施については、施設に実施が求められるものであるが、他の社会福祉施設・
　事業者との連携等により行うことも差し支えない。
・感染症や災害が発生した場合には、職員が連携し取り組むことが求められることから、研修及び訓練の実施に当たっ
　ては、全ての職員が参加できるようにすることが望ましい。</t>
    <rPh sb="29" eb="31">
      <t>ジッシ</t>
    </rPh>
    <phoneticPr fontId="1"/>
  </si>
  <si>
    <t>【業務継続計画の策定関係】
・業務継続計画の記載項目
　①感染症に係る業務継続計画
　　イ　平時からの備え（体制構築・整備、感染症防止に向けた取組の実施、備蓄品の確保等）
　　ロ　初動対応
　　ハ　感染拡大防止体制の確立（保健所との連携、濃厚接触者への対応、関係者との情報共有等）
　②災害に係る業務継続計画
　　イ　平常時の対応（建物・設備の安全対策、電気・水道等のライフラインが停止した場合の対策、必要品の備蓄等
　　　）
　　ロ　緊急時の対応（業務継続計画発動基準、対応体制等）
　　ハ　他施設及び地域との連携
・各項目の記載内容については、「介護施設・事業所における新型コロナウイルス感染症発生時の業務継続ガイドライ
　ン」及び「介護施設・事業所における自然災害発生時の業務継続ガイドライン」を参照されたい。
・想定される災害等は地域によって異なるものであることから、項目については実態に応じて設定すること。
・感染症及び災害の業務継続計画を一体的に策定することを妨げるものではない。</t>
    <rPh sb="1" eb="7">
      <t>ギョウムケイゾクケイカク</t>
    </rPh>
    <rPh sb="8" eb="10">
      <t>サクテイ</t>
    </rPh>
    <rPh sb="10" eb="12">
      <t>カンケイ</t>
    </rPh>
    <rPh sb="260" eb="263">
      <t>カクコウモク</t>
    </rPh>
    <phoneticPr fontId="1"/>
  </si>
  <si>
    <t>１２－１　感染症に係る業務継続計画</t>
    <rPh sb="5" eb="8">
      <t>カンセンショウ</t>
    </rPh>
    <rPh sb="9" eb="10">
      <t>カカ</t>
    </rPh>
    <rPh sb="11" eb="13">
      <t>ギョウム</t>
    </rPh>
    <rPh sb="13" eb="15">
      <t>ケイゾク</t>
    </rPh>
    <rPh sb="15" eb="17">
      <t>ケイカク</t>
    </rPh>
    <phoneticPr fontId="1"/>
  </si>
  <si>
    <t>(1) 感染症発生時のサービスの継続実施及び早期の業務再開の計画（業</t>
    <rPh sb="4" eb="7">
      <t>カンセンショウ</t>
    </rPh>
    <rPh sb="7" eb="9">
      <t>ハッセイ</t>
    </rPh>
    <rPh sb="9" eb="10">
      <t>ジ</t>
    </rPh>
    <rPh sb="16" eb="18">
      <t>ケイゾク</t>
    </rPh>
    <rPh sb="18" eb="20">
      <t>ジッシ</t>
    </rPh>
    <rPh sb="20" eb="21">
      <t>オヨ</t>
    </rPh>
    <rPh sb="22" eb="24">
      <t>ソウキ</t>
    </rPh>
    <rPh sb="25" eb="26">
      <t>ギョウ</t>
    </rPh>
    <phoneticPr fontId="1"/>
  </si>
  <si>
    <t>　業務継続計画）の策定及び必要な措置を講じているか。</t>
    <phoneticPr fontId="1"/>
  </si>
  <si>
    <t>(1) 非常災害発生時のサービスの継続実施及び早期の業務再開の計画（</t>
    <rPh sb="4" eb="6">
      <t>ヒジョウ</t>
    </rPh>
    <rPh sb="6" eb="8">
      <t>サイガイ</t>
    </rPh>
    <rPh sb="8" eb="10">
      <t>ハッセイ</t>
    </rPh>
    <rPh sb="10" eb="11">
      <t>ジ</t>
    </rPh>
    <rPh sb="17" eb="19">
      <t>ケイゾク</t>
    </rPh>
    <rPh sb="19" eb="21">
      <t>ジッシ</t>
    </rPh>
    <rPh sb="21" eb="22">
      <t>オヨ</t>
    </rPh>
    <rPh sb="23" eb="25">
      <t>ソウキ</t>
    </rPh>
    <rPh sb="26" eb="27">
      <t>ギョウ</t>
    </rPh>
    <phoneticPr fontId="1"/>
  </si>
  <si>
    <t>１２－２　非常災害に係る業務継続計画</t>
    <rPh sb="5" eb="7">
      <t>ヒジョウ</t>
    </rPh>
    <rPh sb="7" eb="9">
      <t>サイガイ</t>
    </rPh>
    <rPh sb="10" eb="11">
      <t>カカ</t>
    </rPh>
    <rPh sb="12" eb="18">
      <t>ギョウムケイゾクケイカク</t>
    </rPh>
    <phoneticPr fontId="1"/>
  </si>
  <si>
    <t>○解釈通知第5-11-(2)（第2項関係）
【感染対策委員会】
・幅広い職種（例えば、施設長、事務長、医師、看護職員、支援員、栄養士、生活相談員）により構成する。構成メン
　バーの責務及び役割分担を明確にし、専任の感染対策担当者を決めておくことが必要である。感染対策担当者は看護
　師であることが望ましい。
・施設外の感染管理等の専門家を委員として積極的に活用することが望ましい。
・入所者の状況など施設の状況に応じ、おおむね3月に1回以上定期的に開催するとともに、感染症が流行する時期等を
　勘案して必要に応じ随時開催する必要がある。
・運営委員会など他の委員会と独立して設置・運営することが必要であるが、関係する職種、取り扱う事項等が相互に
　関係が深いと認められる他の会議体を設置している場合、これと一体的に設置・運営することも差し支えない。
・テレビ電話装置等を活用する際は、個人情報保護委員会・厚生労働省「医療・介護関係事業者における個人情報の適
　切な取扱いのためのガイダンス」、厚生労働省「医療情報システムの安全管理に関するガイドライン」等を遵守する
　こと。</t>
    <rPh sb="1" eb="3">
      <t>カイシャク</t>
    </rPh>
    <rPh sb="3" eb="5">
      <t>ツウチ</t>
    </rPh>
    <rPh sb="5" eb="6">
      <t>ダイ</t>
    </rPh>
    <rPh sb="15" eb="16">
      <t>ダイ</t>
    </rPh>
    <rPh sb="17" eb="18">
      <t>コウ</t>
    </rPh>
    <rPh sb="18" eb="20">
      <t>カンケイ</t>
    </rPh>
    <rPh sb="23" eb="25">
      <t>カンセン</t>
    </rPh>
    <rPh sb="25" eb="27">
      <t>タイサク</t>
    </rPh>
    <rPh sb="27" eb="30">
      <t>イインカイ</t>
    </rPh>
    <rPh sb="59" eb="61">
      <t>シエン</t>
    </rPh>
    <rPh sb="61" eb="62">
      <t>イン</t>
    </rPh>
    <rPh sb="63" eb="66">
      <t>エイヨウシ</t>
    </rPh>
    <rPh sb="107" eb="109">
      <t>カンセン</t>
    </rPh>
    <rPh sb="109" eb="111">
      <t>タイサク</t>
    </rPh>
    <rPh sb="111" eb="114">
      <t>タントウシャ</t>
    </rPh>
    <rPh sb="129" eb="136">
      <t>カンセンタイサクタントウシャ</t>
    </rPh>
    <rPh sb="148" eb="149">
      <t>ノゾ</t>
    </rPh>
    <rPh sb="192" eb="195">
      <t>ニュウショシャ</t>
    </rPh>
    <rPh sb="196" eb="198">
      <t>ジョウキョウ</t>
    </rPh>
    <rPh sb="200" eb="202">
      <t>シセツ</t>
    </rPh>
    <rPh sb="203" eb="205">
      <t>ジョウキョウ</t>
    </rPh>
    <rPh sb="206" eb="207">
      <t>オウ</t>
    </rPh>
    <rPh sb="214" eb="215">
      <t>ツキ</t>
    </rPh>
    <rPh sb="217" eb="220">
      <t>カイイジョウ</t>
    </rPh>
    <rPh sb="220" eb="223">
      <t>テイキテキ</t>
    </rPh>
    <rPh sb="224" eb="226">
      <t>カイサイ</t>
    </rPh>
    <rPh sb="233" eb="236">
      <t>カンセンショウ</t>
    </rPh>
    <rPh sb="237" eb="239">
      <t>リュウコウ</t>
    </rPh>
    <rPh sb="241" eb="244">
      <t>ジキトウ</t>
    </rPh>
    <rPh sb="251" eb="253">
      <t>ヒツヨウ</t>
    </rPh>
    <rPh sb="254" eb="255">
      <t>オウ</t>
    </rPh>
    <rPh sb="256" eb="258">
      <t>ズイジ</t>
    </rPh>
    <rPh sb="258" eb="260">
      <t>カイサイ</t>
    </rPh>
    <rPh sb="262" eb="264">
      <t>ヒツヨウ</t>
    </rPh>
    <phoneticPr fontId="1"/>
  </si>
  <si>
    <t>【感染症及び食中毒の予防及びまん延の防止のための指針】
・指針には、平常時の対策及び発生時の対応を規定する。
・平常時の対策としては、施設内の衛生管理（環境の整備、排泄物の処理、血液・体液の処理等）、日常のケアに係る
　感染対策（標準的な予防策（例えば、血液・体液・分泌液・排泄物などに触れるとき、傷や創傷皮膚に触れるときど
　のようにするかなどの取り決め）、手洗いの基本、早期発見のための日常の観察項目）等が想定される。
・発生時の対応としては、発生状況の把握、感染拡大の防止、医療機関や保健所、市町村における施設関係課等の関係
　機関との連携、医療処置、行政への報告等が想定される。
・発生時における施設内の連絡体制や関係機関への連絡体制を整備し、明記しておくことも必要である。
・それぞれの項目の記載内容の例については、「介護現場における感染対策の手引き」を参照されたい。</t>
    <rPh sb="1" eb="4">
      <t>カンセンショウ</t>
    </rPh>
    <rPh sb="4" eb="5">
      <t>オヨ</t>
    </rPh>
    <rPh sb="6" eb="9">
      <t>ショクチュウドク</t>
    </rPh>
    <rPh sb="10" eb="12">
      <t>ヨボウ</t>
    </rPh>
    <rPh sb="12" eb="13">
      <t>オヨ</t>
    </rPh>
    <rPh sb="16" eb="17">
      <t>エン</t>
    </rPh>
    <rPh sb="18" eb="20">
      <t>ボウシ</t>
    </rPh>
    <rPh sb="24" eb="26">
      <t>シシン</t>
    </rPh>
    <rPh sb="29" eb="31">
      <t>シシン</t>
    </rPh>
    <rPh sb="34" eb="36">
      <t>ヘイジョウ</t>
    </rPh>
    <rPh sb="36" eb="37">
      <t>ジ</t>
    </rPh>
    <rPh sb="38" eb="40">
      <t>タイサク</t>
    </rPh>
    <rPh sb="40" eb="41">
      <t>オヨ</t>
    </rPh>
    <rPh sb="42" eb="44">
      <t>ハッセイ</t>
    </rPh>
    <rPh sb="44" eb="45">
      <t>ジ</t>
    </rPh>
    <rPh sb="46" eb="48">
      <t>タイオウ</t>
    </rPh>
    <rPh sb="49" eb="51">
      <t>キテイ</t>
    </rPh>
    <rPh sb="56" eb="58">
      <t>ヘイジョウ</t>
    </rPh>
    <rPh sb="58" eb="59">
      <t>ジ</t>
    </rPh>
    <rPh sb="60" eb="62">
      <t>タイサク</t>
    </rPh>
    <rPh sb="67" eb="69">
      <t>シセツ</t>
    </rPh>
    <rPh sb="69" eb="70">
      <t>ナイ</t>
    </rPh>
    <rPh sb="71" eb="73">
      <t>エイセイ</t>
    </rPh>
    <rPh sb="73" eb="75">
      <t>カンリ</t>
    </rPh>
    <rPh sb="76" eb="78">
      <t>カンキョウ</t>
    </rPh>
    <rPh sb="79" eb="81">
      <t>セイビ</t>
    </rPh>
    <rPh sb="82" eb="85">
      <t>ハイセツブツ</t>
    </rPh>
    <rPh sb="86" eb="88">
      <t>ショリ</t>
    </rPh>
    <rPh sb="89" eb="91">
      <t>ケツエキ</t>
    </rPh>
    <rPh sb="92" eb="94">
      <t>タイエキ</t>
    </rPh>
    <rPh sb="95" eb="97">
      <t>ショリ</t>
    </rPh>
    <rPh sb="97" eb="98">
      <t>トウ</t>
    </rPh>
    <rPh sb="100" eb="102">
      <t>ニチジョウ</t>
    </rPh>
    <rPh sb="106" eb="107">
      <t>カカ</t>
    </rPh>
    <rPh sb="110" eb="112">
      <t>カンセン</t>
    </rPh>
    <rPh sb="112" eb="114">
      <t>タイサク</t>
    </rPh>
    <rPh sb="115" eb="118">
      <t>ヒョウジュンテキ</t>
    </rPh>
    <rPh sb="119" eb="121">
      <t>ヨボウ</t>
    </rPh>
    <rPh sb="121" eb="122">
      <t>サク</t>
    </rPh>
    <rPh sb="123" eb="124">
      <t>タト</t>
    </rPh>
    <rPh sb="127" eb="129">
      <t>ケツエキ</t>
    </rPh>
    <rPh sb="130" eb="132">
      <t>タイエキ</t>
    </rPh>
    <rPh sb="133" eb="136">
      <t>ブンピエキ</t>
    </rPh>
    <rPh sb="137" eb="140">
      <t>ハイセツブツ</t>
    </rPh>
    <rPh sb="143" eb="144">
      <t>フ</t>
    </rPh>
    <rPh sb="149" eb="150">
      <t>キズ</t>
    </rPh>
    <rPh sb="151" eb="153">
      <t>ソウショウ</t>
    </rPh>
    <rPh sb="153" eb="155">
      <t>ヒフ</t>
    </rPh>
    <rPh sb="156" eb="157">
      <t>フ</t>
    </rPh>
    <rPh sb="174" eb="175">
      <t>ト</t>
    </rPh>
    <rPh sb="176" eb="177">
      <t>キ</t>
    </rPh>
    <rPh sb="180" eb="182">
      <t>テアラ</t>
    </rPh>
    <rPh sb="184" eb="186">
      <t>キホン</t>
    </rPh>
    <rPh sb="187" eb="189">
      <t>ソウキ</t>
    </rPh>
    <rPh sb="189" eb="191">
      <t>ハッケン</t>
    </rPh>
    <rPh sb="195" eb="197">
      <t>ニチジョウ</t>
    </rPh>
    <rPh sb="198" eb="200">
      <t>カンサツ</t>
    </rPh>
    <rPh sb="200" eb="202">
      <t>コウモク</t>
    </rPh>
    <rPh sb="203" eb="204">
      <t>トウ</t>
    </rPh>
    <rPh sb="205" eb="207">
      <t>ソウテイ</t>
    </rPh>
    <rPh sb="213" eb="215">
      <t>ハッセイ</t>
    </rPh>
    <rPh sb="215" eb="216">
      <t>ジ</t>
    </rPh>
    <rPh sb="217" eb="219">
      <t>タイオウ</t>
    </rPh>
    <rPh sb="224" eb="226">
      <t>ハッセイ</t>
    </rPh>
    <rPh sb="226" eb="228">
      <t>ジョウキョウ</t>
    </rPh>
    <rPh sb="229" eb="231">
      <t>ハアク</t>
    </rPh>
    <rPh sb="232" eb="234">
      <t>カンセン</t>
    </rPh>
    <rPh sb="234" eb="236">
      <t>カクダイ</t>
    </rPh>
    <rPh sb="237" eb="239">
      <t>ボウシ</t>
    </rPh>
    <rPh sb="240" eb="242">
      <t>イリョウ</t>
    </rPh>
    <rPh sb="242" eb="244">
      <t>キカン</t>
    </rPh>
    <rPh sb="245" eb="248">
      <t>ホケンジョ</t>
    </rPh>
    <rPh sb="249" eb="252">
      <t>シチョウソン</t>
    </rPh>
    <rPh sb="256" eb="258">
      <t>シセツ</t>
    </rPh>
    <rPh sb="258" eb="260">
      <t>カンケイ</t>
    </rPh>
    <rPh sb="260" eb="261">
      <t>カ</t>
    </rPh>
    <rPh sb="261" eb="262">
      <t>トウ</t>
    </rPh>
    <rPh sb="263" eb="265">
      <t>カンケイ</t>
    </rPh>
    <rPh sb="267" eb="269">
      <t>キカン</t>
    </rPh>
    <rPh sb="271" eb="273">
      <t>レンケイ</t>
    </rPh>
    <rPh sb="274" eb="276">
      <t>イリョウ</t>
    </rPh>
    <rPh sb="276" eb="278">
      <t>ショチ</t>
    </rPh>
    <rPh sb="279" eb="281">
      <t>ギョウセイ</t>
    </rPh>
    <rPh sb="283" eb="285">
      <t>ホウコク</t>
    </rPh>
    <rPh sb="285" eb="286">
      <t>トウ</t>
    </rPh>
    <rPh sb="287" eb="289">
      <t>ソウテイ</t>
    </rPh>
    <rPh sb="348" eb="350">
      <t>コウモク</t>
    </rPh>
    <rPh sb="351" eb="353">
      <t>キサイ</t>
    </rPh>
    <rPh sb="353" eb="355">
      <t>ナイヨウ</t>
    </rPh>
    <rPh sb="356" eb="357">
      <t>レイ</t>
    </rPh>
    <rPh sb="364" eb="366">
      <t>カイゴ</t>
    </rPh>
    <rPh sb="366" eb="368">
      <t>ゲンバ</t>
    </rPh>
    <rPh sb="372" eb="376">
      <t>カンセンタイサク</t>
    </rPh>
    <rPh sb="377" eb="379">
      <t>テビ</t>
    </rPh>
    <rPh sb="382" eb="384">
      <t>サンショウ</t>
    </rPh>
    <phoneticPr fontId="1"/>
  </si>
  <si>
    <r>
      <t>【感染症の予防及びまん延の防止のための訓練】　</t>
    </r>
    <r>
      <rPr>
        <u/>
        <sz val="8"/>
        <rFont val="HGｺﾞｼｯｸM"/>
        <family val="3"/>
        <charset val="128"/>
      </rPr>
      <t>※令和6年3月31日まで努力義務</t>
    </r>
    <r>
      <rPr>
        <sz val="8"/>
        <rFont val="HGｺﾞｼｯｸM"/>
        <family val="3"/>
        <charset val="128"/>
      </rPr>
      <t xml:space="preserve">
・平時から、実際に感染症が発生した場合を想定し、発生時の対応について、訓練（シミュレーション）を定期的（年
　2回以上）に行うことが必要である。
・訓練においては、感染症発生時において迅速に行動できるよう、発生時の対応を定めた指針及び研修内容に基づき、
　施設内の役割分担の確認や、感染対策をした上でのケアの演習などを実施するものとする。
・訓練の実施は、机上を含めその実施手法は問わないものの、机上及び実地で実施するものを適切に組み合わせながら
　実施することが適切である。</t>
    </r>
    <rPh sb="1" eb="4">
      <t>カンセンショウ</t>
    </rPh>
    <rPh sb="5" eb="7">
      <t>ヨボウ</t>
    </rPh>
    <rPh sb="7" eb="8">
      <t>オヨ</t>
    </rPh>
    <rPh sb="11" eb="12">
      <t>エン</t>
    </rPh>
    <rPh sb="13" eb="15">
      <t>ボウシ</t>
    </rPh>
    <rPh sb="19" eb="21">
      <t>クンレン</t>
    </rPh>
    <rPh sb="24" eb="26">
      <t>レイワ</t>
    </rPh>
    <rPh sb="27" eb="28">
      <t>ネン</t>
    </rPh>
    <rPh sb="29" eb="30">
      <t>ガツ</t>
    </rPh>
    <rPh sb="32" eb="33">
      <t>ニチ</t>
    </rPh>
    <rPh sb="35" eb="37">
      <t>ドリョク</t>
    </rPh>
    <rPh sb="37" eb="39">
      <t>ギム</t>
    </rPh>
    <phoneticPr fontId="1"/>
  </si>
  <si>
    <t>◎基準条例第26条
1 養護老人ホームの職員は、正当な理由がなく、その業務上知り得た入所者又はその家族の秘密を漏らしてはならな
　い。
2 養護老人ホームは、職員であった者が、正当な理由がなく、その業務上知り得た入所者又はその家族の秘密を漏らす
　ことがないよう、必要な措置を講じなければならない。
○解釈通知第5-13
・養護老人ホームは、当該養護老人ホームの職員が職員でなくなった後においても業務上知り得た秘密を保持すべき旨
　を職員の雇用時等に取り決め、例えば違約金についての定めを置くなどの措置を講ずべきこととするものである。</t>
    <rPh sb="1" eb="5">
      <t>キジュンジョウレイ</t>
    </rPh>
    <rPh sb="151" eb="153">
      <t>カイシャク</t>
    </rPh>
    <rPh sb="153" eb="155">
      <t>ツウチ</t>
    </rPh>
    <rPh sb="155" eb="156">
      <t>ダイ</t>
    </rPh>
    <rPh sb="171" eb="173">
      <t>トウガイ</t>
    </rPh>
    <rPh sb="181" eb="183">
      <t>ショクイン</t>
    </rPh>
    <rPh sb="184" eb="186">
      <t>ショクイン</t>
    </rPh>
    <rPh sb="192" eb="193">
      <t>ノチ</t>
    </rPh>
    <rPh sb="198" eb="201">
      <t>ギョウムジョウ</t>
    </rPh>
    <rPh sb="201" eb="202">
      <t>シ</t>
    </rPh>
    <rPh sb="203" eb="204">
      <t>エ</t>
    </rPh>
    <rPh sb="205" eb="207">
      <t>ヒミツ</t>
    </rPh>
    <rPh sb="208" eb="210">
      <t>ホジ</t>
    </rPh>
    <rPh sb="213" eb="214">
      <t>ムネ</t>
    </rPh>
    <rPh sb="217" eb="219">
      <t>ショクイン</t>
    </rPh>
    <rPh sb="220" eb="222">
      <t>コヨウ</t>
    </rPh>
    <rPh sb="222" eb="223">
      <t>ジ</t>
    </rPh>
    <rPh sb="223" eb="224">
      <t>トウ</t>
    </rPh>
    <rPh sb="225" eb="226">
      <t>ト</t>
    </rPh>
    <rPh sb="227" eb="228">
      <t>キ</t>
    </rPh>
    <rPh sb="230" eb="231">
      <t>タト</t>
    </rPh>
    <rPh sb="233" eb="236">
      <t>イヤクキン</t>
    </rPh>
    <rPh sb="241" eb="242">
      <t>サダ</t>
    </rPh>
    <rPh sb="244" eb="245">
      <t>オ</t>
    </rPh>
    <rPh sb="249" eb="251">
      <t>ソチ</t>
    </rPh>
    <rPh sb="252" eb="253">
      <t>コウ</t>
    </rPh>
    <phoneticPr fontId="1"/>
  </si>
  <si>
    <t>【事故発生の防止のための職員に対する研修】
・研修の内容としては、事故発生防止の基礎的内容等の適切な知識を普及・啓発するとともに、当該施設における指針
　に基づき、安全管理の徹底を行うものとする。
・職員教育を組織的に徹底させていくためには、当該施設が指針に基づいた研修プログラムを作成し、定期的な教育（
　年2回以上）を開催するとともに、新規採用時には必ず事故発生の防止の研修を実施することが重要である。
・研修の実施内容についても記録することが必要である。
・研修の実施は、施設内での研修で差し支えない。</t>
    <rPh sb="1" eb="3">
      <t>ジコ</t>
    </rPh>
    <rPh sb="3" eb="5">
      <t>ハッセイ</t>
    </rPh>
    <rPh sb="6" eb="8">
      <t>ボウシ</t>
    </rPh>
    <rPh sb="12" eb="14">
      <t>ショクイン</t>
    </rPh>
    <rPh sb="15" eb="16">
      <t>タイ</t>
    </rPh>
    <rPh sb="18" eb="20">
      <t>ケンシュウ</t>
    </rPh>
    <phoneticPr fontId="1"/>
  </si>
  <si>
    <t>【事故発生防止等の措置を適切に実施するための担当者】
・専任の担当者を置くことが必要である。
・事故防止検討委員会の安全対策を担当する者と同一の従業者が務めることが望ましい。</t>
    <rPh sb="1" eb="3">
      <t>ジコ</t>
    </rPh>
    <rPh sb="3" eb="5">
      <t>ハッセイ</t>
    </rPh>
    <rPh sb="5" eb="7">
      <t>ボウシ</t>
    </rPh>
    <rPh sb="7" eb="8">
      <t>トウ</t>
    </rPh>
    <rPh sb="9" eb="11">
      <t>ソチ</t>
    </rPh>
    <rPh sb="12" eb="14">
      <t>テキセツ</t>
    </rPh>
    <rPh sb="15" eb="17">
      <t>ジッシ</t>
    </rPh>
    <rPh sb="22" eb="25">
      <t>タントウシャ</t>
    </rPh>
    <rPh sb="28" eb="30">
      <t>センニン</t>
    </rPh>
    <rPh sb="31" eb="34">
      <t>タントウシャ</t>
    </rPh>
    <rPh sb="35" eb="36">
      <t>オ</t>
    </rPh>
    <rPh sb="40" eb="42">
      <t>ヒツヨウ</t>
    </rPh>
    <rPh sb="48" eb="57">
      <t>ジコボウシケントウイインカイ</t>
    </rPh>
    <rPh sb="58" eb="60">
      <t>アンゼン</t>
    </rPh>
    <rPh sb="60" eb="62">
      <t>タイサク</t>
    </rPh>
    <rPh sb="63" eb="65">
      <t>タントウ</t>
    </rPh>
    <rPh sb="67" eb="68">
      <t>モノ</t>
    </rPh>
    <rPh sb="69" eb="71">
      <t>ドウイツ</t>
    </rPh>
    <rPh sb="72" eb="75">
      <t>ジュウギョウシャ</t>
    </rPh>
    <rPh sb="76" eb="77">
      <t>ツト</t>
    </rPh>
    <rPh sb="82" eb="83">
      <t>ノゾ</t>
    </rPh>
    <phoneticPr fontId="1"/>
  </si>
  <si>
    <t>【虐待の防止のための対策を検討する委員会】
・施設長を含む幅広い職種で構成する。
・構成メンバーの責務及び役割分担を明確にするとともに、定期的に開催することが必要である。
・施設外の虐待防止の専門家を委員として積極的に活用することが望ましい。
・虐待等の事案については、虐待等に係る諸般の事情が、複雑かつ機微なものであることが想定されるため、その性質
　上、一概に職員に共有されるべき情報であるとは限られず、個別の状況に応じて慎重に対応することが重要である。
・虐待防止検討委員会は、運営委員会など他の委員会と独立して設置・運営することが必要であるが、関係する職種、
　取り扱う事項等が相互に関係が深いと認められる他の会議体を設置している場合、これと一体的に設置・運営するこ
　ととして差し支えない。
・施設に実施が求められるものであるが、他の社会福祉施設・事業所との連携等により行うことも差し支えない。
・テレビ電話装置等を活用する際は、個人情報保護委員会・厚生労働省「医療・介護関係事業者における個人情報の適
　切な取扱いのためのガイダンス」、厚生労働省「医療情報システムの安全管理に関するガイドライン」等を遵守する
　こと。
・虐待防止検討委員会は、具体的には、次のような事項について検討すること。
　①虐待防止検討委員会その他施設内の組織に関すること
　②虐待の防止のための指針の整備に関すること
　③虐待の防止のための職員研修の内容に関すること
　④虐待等について、職員が相談・報告できる体制整備に関すること
　⑤職員が虐待等を把握した場合に、市町村への通報が迅速かつ適切に行われるための方法に関すること
　⑥虐待等が発生した場合、その発生原因等の分析から得られる再発の確実な防止策に関すること
　⑦前号の再発の防止策を講じた際に、その効果についての評価に関すること
・委員会で得た結果（施設における虐待に対する体制、虐待等の再発防止策等）は、職員に周知徹底を図ること。</t>
    <phoneticPr fontId="1"/>
  </si>
  <si>
    <t>【虐待の防止のための研修】
・研修の内容としては、虐待等の防止に関する基礎的内容等の適切な知識を普及・啓発するものであるとともに、当該
　施設における指針に基づき、虐待の防止の徹底を行うもの。
・職員教育を組織的に徹底させていくためには、当該施設が指針に基づいた研修プログラムを作成し、定期的な研修（
　年2回以上）を実施するとともに、新規採用時には必ず虐待の防止のための研修を実施することが重要である。
・研修の実施内容についても記録することが必要である。
・研修の実施は、施設内での研修で差し支えない。</t>
    <rPh sb="1" eb="3">
      <t>ギャクタイ</t>
    </rPh>
    <rPh sb="4" eb="6">
      <t>ボウシ</t>
    </rPh>
    <rPh sb="10" eb="12">
      <t>ケンシュウ</t>
    </rPh>
    <phoneticPr fontId="1"/>
  </si>
  <si>
    <t>【虐待の防止に関する措置を適切に実施するための担当者】
・専任の担当者を置くことが必要である。
・虐待防止検討委員会の責任者と同一の従業者が務めることが望ましい。</t>
    <rPh sb="1" eb="3">
      <t>ギャクタイ</t>
    </rPh>
    <rPh sb="4" eb="6">
      <t>ボウシ</t>
    </rPh>
    <rPh sb="7" eb="8">
      <t>カン</t>
    </rPh>
    <rPh sb="10" eb="12">
      <t>ソチ</t>
    </rPh>
    <rPh sb="13" eb="15">
      <t>テキセツ</t>
    </rPh>
    <rPh sb="16" eb="18">
      <t>ジッシ</t>
    </rPh>
    <rPh sb="23" eb="26">
      <t>タントウシャ</t>
    </rPh>
    <phoneticPr fontId="1"/>
  </si>
  <si>
    <t>(1) 利用者の処遇に係る計画を適切に作成しているか。</t>
    <rPh sb="4" eb="7">
      <t>リヨウシャ</t>
    </rPh>
    <rPh sb="8" eb="10">
      <t>ショグウ</t>
    </rPh>
    <rPh sb="11" eb="12">
      <t>カカ</t>
    </rPh>
    <rPh sb="13" eb="15">
      <t>ケイカク</t>
    </rPh>
    <rPh sb="16" eb="18">
      <t>テキセツ</t>
    </rPh>
    <rPh sb="19" eb="21">
      <t>サクセイ</t>
    </rPh>
    <phoneticPr fontId="1"/>
  </si>
  <si>
    <t>◎基準条例第16条
1 養護老人ホームは、入所者について、その者が有する能力に応じ自立した日常生活を営むことができるように、その
　心身の状況等に応じて、社会復帰の促進及び自立のために必要な指導及び訓練その他の援助を妥当適切に行わなけれ
　ばならない。
2 入所者の処遇は、処遇計画に基づき、漫然かつ画一的なものとならないよう配慮して、行わなければならない。
3 養護老人ホームの職員は、入所者の処遇に当たっては、懇切丁寧に行うことを旨とし、入所者又はその家族に対し、
　処遇上必要な事項について、理解しやすいように説明を行わなければならない。</t>
    <rPh sb="1" eb="3">
      <t>キジュン</t>
    </rPh>
    <rPh sb="3" eb="5">
      <t>ジョウレイ</t>
    </rPh>
    <phoneticPr fontId="1"/>
  </si>
  <si>
    <t>　・入所者の心身の状況、生活歴、病歴等の把握に努めているか。</t>
    <rPh sb="2" eb="5">
      <t>ニュウショシャ</t>
    </rPh>
    <rPh sb="6" eb="8">
      <t>シンシン</t>
    </rPh>
    <rPh sb="9" eb="11">
      <t>ジョウキョウ</t>
    </rPh>
    <rPh sb="12" eb="14">
      <t>セイカツ</t>
    </rPh>
    <rPh sb="14" eb="15">
      <t>レキ</t>
    </rPh>
    <rPh sb="16" eb="18">
      <t>ビョウレキ</t>
    </rPh>
    <rPh sb="18" eb="19">
      <t>トウ</t>
    </rPh>
    <rPh sb="20" eb="22">
      <t>ハアク</t>
    </rPh>
    <rPh sb="23" eb="24">
      <t>ツト</t>
    </rPh>
    <phoneticPr fontId="1"/>
  </si>
  <si>
    <t>　・入所者が居宅において日常生活を営むことができるか、多職種（生</t>
    <phoneticPr fontId="1"/>
  </si>
  <si>
    <t>　　活相談員、支援員、看護職員等）で定期的に協議・検討しているか。</t>
    <rPh sb="7" eb="9">
      <t>シエン</t>
    </rPh>
    <phoneticPr fontId="1"/>
  </si>
  <si>
    <t>　・入所者の心身の状況、希望等を踏まえて処遇に関する計画を立てて</t>
    <phoneticPr fontId="1"/>
  </si>
  <si>
    <t>　・処遇に関する計画には、各種サービス（機能訓練、看護、介護、食</t>
    <rPh sb="2" eb="4">
      <t>ショグウ</t>
    </rPh>
    <rPh sb="5" eb="6">
      <t>カン</t>
    </rPh>
    <rPh sb="8" eb="10">
      <t>ケイカク</t>
    </rPh>
    <rPh sb="13" eb="15">
      <t>カクシュ</t>
    </rPh>
    <rPh sb="20" eb="22">
      <t>キノウ</t>
    </rPh>
    <rPh sb="22" eb="24">
      <t>クンレン</t>
    </rPh>
    <rPh sb="25" eb="27">
      <t>カンゴ</t>
    </rPh>
    <rPh sb="28" eb="30">
      <t>カイゴ</t>
    </rPh>
    <rPh sb="31" eb="32">
      <t>ショク</t>
    </rPh>
    <phoneticPr fontId="1"/>
  </si>
  <si>
    <t>　　事（栄養・口腔ケア等））に関する内容が含まれているか。</t>
    <rPh sb="2" eb="3">
      <t>コト</t>
    </rPh>
    <rPh sb="4" eb="6">
      <t>エイヨウ</t>
    </rPh>
    <rPh sb="7" eb="9">
      <t>コウクウ</t>
    </rPh>
    <rPh sb="11" eb="12">
      <t>ナド</t>
    </rPh>
    <rPh sb="15" eb="16">
      <t>カン</t>
    </rPh>
    <rPh sb="18" eb="20">
      <t>ナイヨウ</t>
    </rPh>
    <rPh sb="21" eb="22">
      <t>フク</t>
    </rPh>
    <phoneticPr fontId="1"/>
  </si>
  <si>
    <t>　・処遇に関する計画を作成する際に、多職種（生活相談員、支援員、</t>
    <rPh sb="2" eb="4">
      <t>ショグウ</t>
    </rPh>
    <rPh sb="5" eb="6">
      <t>カン</t>
    </rPh>
    <rPh sb="8" eb="10">
      <t>ケイカク</t>
    </rPh>
    <rPh sb="11" eb="13">
      <t>サクセイ</t>
    </rPh>
    <rPh sb="15" eb="16">
      <t>サイ</t>
    </rPh>
    <rPh sb="18" eb="19">
      <t>タ</t>
    </rPh>
    <rPh sb="19" eb="21">
      <t>ショクシュ</t>
    </rPh>
    <rPh sb="22" eb="24">
      <t>セイカツ</t>
    </rPh>
    <rPh sb="24" eb="27">
      <t>ソウダンイン</t>
    </rPh>
    <rPh sb="28" eb="30">
      <t>シエン</t>
    </rPh>
    <rPh sb="30" eb="31">
      <t>イン</t>
    </rPh>
    <phoneticPr fontId="1"/>
  </si>
  <si>
    <t>　　看護職員、栄養士、医師等）から意見を求め、これを反映させてい</t>
    <rPh sb="2" eb="4">
      <t>カンゴ</t>
    </rPh>
    <rPh sb="4" eb="6">
      <t>ショクイン</t>
    </rPh>
    <rPh sb="7" eb="10">
      <t>エイヨウシ</t>
    </rPh>
    <rPh sb="11" eb="13">
      <t>イシ</t>
    </rPh>
    <rPh sb="13" eb="14">
      <t>トウ</t>
    </rPh>
    <rPh sb="17" eb="19">
      <t>イケン</t>
    </rPh>
    <rPh sb="20" eb="21">
      <t>モト</t>
    </rPh>
    <rPh sb="26" eb="28">
      <t>ハンエイ</t>
    </rPh>
    <phoneticPr fontId="1"/>
  </si>
  <si>
    <t>　　るか。</t>
    <phoneticPr fontId="1"/>
  </si>
  <si>
    <t>　・処遇に関する計画を入所者や家族に説明し、同意を得ているか。</t>
    <phoneticPr fontId="1"/>
  </si>
  <si>
    <t>20人以下</t>
    <rPh sb="2" eb="3">
      <t>ニン</t>
    </rPh>
    <rPh sb="3" eb="5">
      <t>イカ</t>
    </rPh>
    <phoneticPr fontId="1"/>
  </si>
  <si>
    <t>21人以上30人以下</t>
    <rPh sb="2" eb="3">
      <t>ニン</t>
    </rPh>
    <rPh sb="3" eb="5">
      <t>イジョウ</t>
    </rPh>
    <rPh sb="7" eb="8">
      <t>ニン</t>
    </rPh>
    <rPh sb="8" eb="10">
      <t>イカ</t>
    </rPh>
    <phoneticPr fontId="1"/>
  </si>
  <si>
    <t>31人以上40人以下</t>
    <rPh sb="2" eb="3">
      <t>ニン</t>
    </rPh>
    <rPh sb="3" eb="5">
      <t>イジョウ</t>
    </rPh>
    <rPh sb="7" eb="8">
      <t>ニン</t>
    </rPh>
    <rPh sb="8" eb="10">
      <t>イカ</t>
    </rPh>
    <phoneticPr fontId="1"/>
  </si>
  <si>
    <t>41人以上50人以下</t>
    <rPh sb="2" eb="5">
      <t>ニンイジョウ</t>
    </rPh>
    <rPh sb="7" eb="8">
      <t>ニン</t>
    </rPh>
    <rPh sb="8" eb="10">
      <t>イカ</t>
    </rPh>
    <phoneticPr fontId="1"/>
  </si>
  <si>
    <t>51人以上60人以下</t>
    <rPh sb="2" eb="5">
      <t>ニンイジョウ</t>
    </rPh>
    <rPh sb="7" eb="8">
      <t>ニン</t>
    </rPh>
    <rPh sb="8" eb="10">
      <t>イカ</t>
    </rPh>
    <phoneticPr fontId="1"/>
  </si>
  <si>
    <t>61人以上70人以下</t>
    <rPh sb="2" eb="5">
      <t>ニンイジョウ</t>
    </rPh>
    <rPh sb="7" eb="8">
      <t>ニン</t>
    </rPh>
    <rPh sb="8" eb="10">
      <t>イカ</t>
    </rPh>
    <phoneticPr fontId="1"/>
  </si>
  <si>
    <t>71人以上80人以下</t>
    <rPh sb="2" eb="3">
      <t>ニン</t>
    </rPh>
    <rPh sb="3" eb="5">
      <t>イジョウ</t>
    </rPh>
    <rPh sb="7" eb="8">
      <t>ニン</t>
    </rPh>
    <rPh sb="8" eb="10">
      <t>イカ</t>
    </rPh>
    <phoneticPr fontId="1"/>
  </si>
  <si>
    <t>81人以上90人以下</t>
    <rPh sb="2" eb="5">
      <t>ニンイジョウ</t>
    </rPh>
    <rPh sb="7" eb="8">
      <t>ニン</t>
    </rPh>
    <rPh sb="8" eb="10">
      <t>イカ</t>
    </rPh>
    <phoneticPr fontId="1"/>
  </si>
  <si>
    <t>91人以上100人以下</t>
    <rPh sb="2" eb="5">
      <t>ニンイジョウ</t>
    </rPh>
    <rPh sb="8" eb="9">
      <t>ニン</t>
    </rPh>
    <rPh sb="9" eb="11">
      <t>イカ</t>
    </rPh>
    <phoneticPr fontId="1"/>
  </si>
  <si>
    <t>101人以上110人以下</t>
    <rPh sb="3" eb="4">
      <t>ニン</t>
    </rPh>
    <rPh sb="4" eb="6">
      <t>イジョウ</t>
    </rPh>
    <rPh sb="9" eb="10">
      <t>ニン</t>
    </rPh>
    <rPh sb="10" eb="12">
      <t>イカ</t>
    </rPh>
    <phoneticPr fontId="1"/>
  </si>
  <si>
    <t>111人以上120人以下</t>
    <rPh sb="3" eb="4">
      <t>ニン</t>
    </rPh>
    <rPh sb="4" eb="6">
      <t>イジョウ</t>
    </rPh>
    <rPh sb="9" eb="10">
      <t>ニン</t>
    </rPh>
    <rPh sb="10" eb="12">
      <t>イカ</t>
    </rPh>
    <phoneticPr fontId="1"/>
  </si>
  <si>
    <t>121人以上130人以下</t>
    <rPh sb="3" eb="4">
      <t>ニン</t>
    </rPh>
    <rPh sb="4" eb="6">
      <t>イジョウ</t>
    </rPh>
    <rPh sb="9" eb="10">
      <t>ニン</t>
    </rPh>
    <rPh sb="10" eb="12">
      <t>イカ</t>
    </rPh>
    <phoneticPr fontId="1"/>
  </si>
  <si>
    <t>131人以上</t>
    <rPh sb="3" eb="6">
      <t>ニンイジョウ</t>
    </rPh>
    <phoneticPr fontId="1"/>
  </si>
  <si>
    <t>支援員の数</t>
    <rPh sb="0" eb="2">
      <t>シエン</t>
    </rPh>
    <rPh sb="2" eb="3">
      <t>イン</t>
    </rPh>
    <rPh sb="4" eb="5">
      <t>カズ</t>
    </rPh>
    <phoneticPr fontId="1"/>
  </si>
  <si>
    <t>4人</t>
    <rPh sb="1" eb="2">
      <t>ニン</t>
    </rPh>
    <phoneticPr fontId="1"/>
  </si>
  <si>
    <t>5人</t>
    <rPh sb="1" eb="2">
      <t>ニン</t>
    </rPh>
    <phoneticPr fontId="1"/>
  </si>
  <si>
    <t>6人</t>
    <rPh sb="1" eb="2">
      <t>ニン</t>
    </rPh>
    <phoneticPr fontId="1"/>
  </si>
  <si>
    <t>7人</t>
    <rPh sb="1" eb="2">
      <t>ニン</t>
    </rPh>
    <phoneticPr fontId="1"/>
  </si>
  <si>
    <t>8人</t>
    <rPh sb="1" eb="2">
      <t>ニン</t>
    </rPh>
    <phoneticPr fontId="1"/>
  </si>
  <si>
    <t>10人</t>
    <rPh sb="2" eb="3">
      <t>ニン</t>
    </rPh>
    <phoneticPr fontId="1"/>
  </si>
  <si>
    <t>11人</t>
    <rPh sb="2" eb="3">
      <t>ニン</t>
    </rPh>
    <phoneticPr fontId="1"/>
  </si>
  <si>
    <t>12人</t>
    <rPh sb="2" eb="3">
      <t>ニン</t>
    </rPh>
    <phoneticPr fontId="1"/>
  </si>
  <si>
    <t>14人</t>
    <rPh sb="2" eb="3">
      <t>ニン</t>
    </rPh>
    <phoneticPr fontId="1"/>
  </si>
  <si>
    <t>16人</t>
    <rPh sb="2" eb="3">
      <t>ニン</t>
    </rPh>
    <phoneticPr fontId="1"/>
  </si>
  <si>
    <t>18人</t>
    <rPh sb="2" eb="3">
      <t>ニン</t>
    </rPh>
    <phoneticPr fontId="1"/>
  </si>
  <si>
    <t>18人に、入所者数が131人を超えて10人又はその端数を増すごとに1人を加えて得た数</t>
    <rPh sb="2" eb="3">
      <t>ニン</t>
    </rPh>
    <rPh sb="5" eb="8">
      <t>ニュウショシャ</t>
    </rPh>
    <rPh sb="8" eb="9">
      <t>スウ</t>
    </rPh>
    <rPh sb="13" eb="14">
      <t>ニン</t>
    </rPh>
    <rPh sb="15" eb="16">
      <t>コ</t>
    </rPh>
    <rPh sb="20" eb="21">
      <t>ニン</t>
    </rPh>
    <rPh sb="21" eb="22">
      <t>マタ</t>
    </rPh>
    <rPh sb="25" eb="27">
      <t>ハスウ</t>
    </rPh>
    <rPh sb="28" eb="29">
      <t>マ</t>
    </rPh>
    <rPh sb="34" eb="35">
      <t>ニン</t>
    </rPh>
    <rPh sb="36" eb="37">
      <t>クワ</t>
    </rPh>
    <rPh sb="39" eb="40">
      <t>エ</t>
    </rPh>
    <rPh sb="41" eb="42">
      <t>カズ</t>
    </rPh>
    <phoneticPr fontId="1"/>
  </si>
  <si>
    <t>◎基準条例別表</t>
    <rPh sb="1" eb="3">
      <t>キジュン</t>
    </rPh>
    <rPh sb="3" eb="5">
      <t>ジョウレイ</t>
    </rPh>
    <rPh sb="5" eb="7">
      <t>ベッピョウ</t>
    </rPh>
    <phoneticPr fontId="1"/>
  </si>
  <si>
    <t>一般入所の数</t>
    <rPh sb="0" eb="2">
      <t>イッパン</t>
    </rPh>
    <rPh sb="2" eb="4">
      <t>ニュウショ</t>
    </rPh>
    <rPh sb="5" eb="6">
      <t>カズ</t>
    </rPh>
    <phoneticPr fontId="1"/>
  </si>
  <si>
    <t>◎基準条例別表</t>
    <rPh sb="1" eb="3">
      <t>キジュン</t>
    </rPh>
    <rPh sb="3" eb="5">
      <t>ジョウレイ</t>
    </rPh>
    <rPh sb="5" eb="7">
      <t>ベッピョウ</t>
    </rPh>
    <phoneticPr fontId="1"/>
  </si>
  <si>
    <t>　・処遇に関する計画に基づき、サービスを提供しているか。</t>
    <rPh sb="2" eb="4">
      <t>ショグウ</t>
    </rPh>
    <rPh sb="5" eb="6">
      <t>カン</t>
    </rPh>
    <rPh sb="8" eb="10">
      <t>ケイカク</t>
    </rPh>
    <rPh sb="11" eb="12">
      <t>モト</t>
    </rPh>
    <rPh sb="20" eb="22">
      <t>テイキョウ</t>
    </rPh>
    <phoneticPr fontId="1"/>
  </si>
  <si>
    <t>　・達成状況に基づき、新たな処遇に関する計画を立てているか。</t>
    <rPh sb="2" eb="4">
      <t>タッセイ</t>
    </rPh>
    <rPh sb="4" eb="6">
      <t>ジョウキョウ</t>
    </rPh>
    <rPh sb="7" eb="8">
      <t>モト</t>
    </rPh>
    <rPh sb="11" eb="12">
      <t>アラ</t>
    </rPh>
    <rPh sb="14" eb="16">
      <t>ショグウ</t>
    </rPh>
    <rPh sb="17" eb="18">
      <t>カン</t>
    </rPh>
    <rPh sb="20" eb="22">
      <t>ケイカク</t>
    </rPh>
    <rPh sb="23" eb="24">
      <t>タ</t>
    </rPh>
    <phoneticPr fontId="1"/>
  </si>
  <si>
    <t>(2) 非常災害に対する備えが適切に行われているか。</t>
    <rPh sb="4" eb="6">
      <t>ヒジョウ</t>
    </rPh>
    <rPh sb="6" eb="8">
      <t>サイガイ</t>
    </rPh>
    <rPh sb="9" eb="10">
      <t>タイ</t>
    </rPh>
    <rPh sb="12" eb="13">
      <t>ソナ</t>
    </rPh>
    <phoneticPr fontId="1"/>
  </si>
  <si>
    <t>　・夜間を想定した訓練を実施しているか。（年１回以上）</t>
    <rPh sb="2" eb="4">
      <t>ヤカン</t>
    </rPh>
    <rPh sb="5" eb="7">
      <t>ソウテイ</t>
    </rPh>
    <rPh sb="9" eb="11">
      <t>クンレン</t>
    </rPh>
    <rPh sb="12" eb="14">
      <t>ジッシ</t>
    </rPh>
    <rPh sb="21" eb="22">
      <t>ネン</t>
    </rPh>
    <rPh sb="23" eb="24">
      <t>カイ</t>
    </rPh>
    <rPh sb="24" eb="26">
      <t>イジョウ</t>
    </rPh>
    <phoneticPr fontId="1"/>
  </si>
  <si>
    <t>　・災害の種類別に、避難に要する時間や避難経路等を確認しているか。</t>
    <rPh sb="2" eb="4">
      <t>サイガイ</t>
    </rPh>
    <rPh sb="5" eb="7">
      <t>シュルイ</t>
    </rPh>
    <rPh sb="7" eb="8">
      <t>ベツ</t>
    </rPh>
    <rPh sb="10" eb="12">
      <t>ヒナン</t>
    </rPh>
    <rPh sb="13" eb="14">
      <t>ヨウ</t>
    </rPh>
    <rPh sb="16" eb="18">
      <t>ジカン</t>
    </rPh>
    <rPh sb="19" eb="21">
      <t>ヒナン</t>
    </rPh>
    <rPh sb="21" eb="23">
      <t>ケイロ</t>
    </rPh>
    <rPh sb="23" eb="24">
      <t>トウ</t>
    </rPh>
    <rPh sb="25" eb="27">
      <t>カクニン</t>
    </rPh>
    <phoneticPr fontId="1"/>
  </si>
  <si>
    <t>○昭和62年9月18日付け社施第107号厚生省社会・児童家庭局長連名通知「社会福祉施設における防火安全対策の強化に
　ついて」六－（一）
・避難訓練は最低年二回以上実施することとなっているが、この実施に当たっては消防機関の協力を得て行うよう努
　め、特に自力避難困難者の避難・救出訓練及び夜間における避難に重点を置いた訓練等実態に即した訓練を定期的に
　実施すること。
・この場合、職員には消火訓練等も併せて行わせ、平素から消防設備等の操作について熟知させておくこと。
・職員に対しては、火気の取扱いその他火災予防に関する指導監督、防災意識の高揚に努めるとともに入所者に対して
　も常日頃から防災に対する意識の高揚に努めること。</t>
    <phoneticPr fontId="1"/>
  </si>
  <si>
    <t>給水（貯水）設備用非常電源</t>
    <rPh sb="0" eb="2">
      <t>キュウスイ</t>
    </rPh>
    <rPh sb="3" eb="5">
      <t>チョスイ</t>
    </rPh>
    <rPh sb="6" eb="8">
      <t>セツビ</t>
    </rPh>
    <rPh sb="8" eb="9">
      <t>ヨウ</t>
    </rPh>
    <rPh sb="9" eb="11">
      <t>ヒジョウ</t>
    </rPh>
    <rPh sb="11" eb="13">
      <t>デンゲン</t>
    </rPh>
    <phoneticPr fontId="1"/>
  </si>
  <si>
    <t>(3) 感染症予防対策が取られているか。また、発生時への備えが講じら</t>
    <rPh sb="4" eb="7">
      <t>カンセンショウ</t>
    </rPh>
    <rPh sb="7" eb="9">
      <t>ヨボウ</t>
    </rPh>
    <rPh sb="9" eb="11">
      <t>タイサク</t>
    </rPh>
    <rPh sb="12" eb="13">
      <t>ト</t>
    </rPh>
    <rPh sb="23" eb="25">
      <t>ハッセイ</t>
    </rPh>
    <rPh sb="25" eb="26">
      <t>ジ</t>
    </rPh>
    <rPh sb="28" eb="29">
      <t>ソナ</t>
    </rPh>
    <phoneticPr fontId="1"/>
  </si>
  <si>
    <t>　・感染症対策委員会をおおむね３か月に１回以上開催しているか。</t>
    <rPh sb="2" eb="5">
      <t>カンセンショウ</t>
    </rPh>
    <rPh sb="5" eb="7">
      <t>タイサク</t>
    </rPh>
    <rPh sb="7" eb="8">
      <t>イ</t>
    </rPh>
    <rPh sb="21" eb="23">
      <t>イジョウ</t>
    </rPh>
    <phoneticPr fontId="1"/>
  </si>
  <si>
    <t>・感染対策を徹底しつつ、入所者と家族等との面会を実施しているか。</t>
    <rPh sb="1" eb="3">
      <t>カンセン</t>
    </rPh>
    <rPh sb="3" eb="5">
      <t>タイサク</t>
    </rPh>
    <rPh sb="6" eb="8">
      <t>テッテイ</t>
    </rPh>
    <rPh sb="12" eb="15">
      <t>ニュウショシャ</t>
    </rPh>
    <rPh sb="16" eb="18">
      <t>カゾク</t>
    </rPh>
    <rPh sb="18" eb="19">
      <t>トウ</t>
    </rPh>
    <rPh sb="21" eb="23">
      <t>メンカイ</t>
    </rPh>
    <rPh sb="24" eb="26">
      <t>ジッシ</t>
    </rPh>
    <phoneticPr fontId="1"/>
  </si>
  <si>
    <t>していない場合、その理由</t>
    <rPh sb="5" eb="7">
      <t>バアイ</t>
    </rPh>
    <rPh sb="10" eb="12">
      <t>リユウ</t>
    </rPh>
    <phoneticPr fontId="1"/>
  </si>
  <si>
    <t>□指針</t>
    <rPh sb="1" eb="3">
      <t>シシン</t>
    </rPh>
    <phoneticPr fontId="1"/>
  </si>
  <si>
    <t>備蓄品の種類・名称</t>
    <rPh sb="0" eb="2">
      <t>ビチク</t>
    </rPh>
    <rPh sb="2" eb="3">
      <t>ヒン</t>
    </rPh>
    <rPh sb="4" eb="6">
      <t>シュルイ</t>
    </rPh>
    <rPh sb="7" eb="9">
      <t>メイショウ</t>
    </rPh>
    <phoneticPr fontId="1"/>
  </si>
  <si>
    <t>数量</t>
    <rPh sb="0" eb="2">
      <t>スウリョウ</t>
    </rPh>
    <phoneticPr fontId="1"/>
  </si>
  <si>
    <t>(4) 事故防止対策や発生時の対応が適切に行われているか。</t>
    <rPh sb="4" eb="6">
      <t>ジコ</t>
    </rPh>
    <rPh sb="6" eb="10">
      <t>ボウシタイサク</t>
    </rPh>
    <rPh sb="11" eb="13">
      <t>ハッセイ</t>
    </rPh>
    <rPh sb="13" eb="14">
      <t>ジ</t>
    </rPh>
    <rPh sb="15" eb="17">
      <t>タイオウ</t>
    </rPh>
    <rPh sb="18" eb="20">
      <t>テキセツ</t>
    </rPh>
    <rPh sb="21" eb="22">
      <t>オコナ</t>
    </rPh>
    <phoneticPr fontId="1"/>
  </si>
  <si>
    <t>(2) 身体拘束の廃止に向けた取組や手続が適正に行われているか。</t>
    <rPh sb="4" eb="6">
      <t>シンタイ</t>
    </rPh>
    <rPh sb="6" eb="8">
      <t>コウソク</t>
    </rPh>
    <rPh sb="9" eb="11">
      <t>ハイシ</t>
    </rPh>
    <rPh sb="12" eb="13">
      <t>ム</t>
    </rPh>
    <rPh sb="15" eb="17">
      <t>トリクミ</t>
    </rPh>
    <rPh sb="18" eb="20">
      <t>テツヅキ</t>
    </rPh>
    <rPh sb="21" eb="23">
      <t>テキセイ</t>
    </rPh>
    <rPh sb="24" eb="25">
      <t>オコナ</t>
    </rPh>
    <phoneticPr fontId="1"/>
  </si>
  <si>
    <t>【身体的拘束等の実施状況】※前年度の４月１日から現在までの実績</t>
    <rPh sb="1" eb="4">
      <t>シンタイテキ</t>
    </rPh>
    <rPh sb="4" eb="6">
      <t>コウソク</t>
    </rPh>
    <rPh sb="6" eb="7">
      <t>トウ</t>
    </rPh>
    <rPh sb="8" eb="10">
      <t>ジッシ</t>
    </rPh>
    <rPh sb="10" eb="12">
      <t>ジョウキョウ</t>
    </rPh>
    <rPh sb="14" eb="17">
      <t>ゼンネンド</t>
    </rPh>
    <rPh sb="19" eb="20">
      <t>ガツ</t>
    </rPh>
    <rPh sb="21" eb="22">
      <t>ニチ</t>
    </rPh>
    <rPh sb="24" eb="26">
      <t>ゲンザイ</t>
    </rPh>
    <rPh sb="29" eb="31">
      <t>ジッセキ</t>
    </rPh>
    <phoneticPr fontId="1"/>
  </si>
  <si>
    <t>対象</t>
    <rPh sb="0" eb="2">
      <t>タイショウ</t>
    </rPh>
    <phoneticPr fontId="1"/>
  </si>
  <si>
    <t>拘束の態様</t>
    <rPh sb="0" eb="2">
      <t>コウソク</t>
    </rPh>
    <rPh sb="3" eb="5">
      <t>タイヨウ</t>
    </rPh>
    <phoneticPr fontId="1"/>
  </si>
  <si>
    <t>拘束期間</t>
    <rPh sb="0" eb="2">
      <t>コウソク</t>
    </rPh>
    <rPh sb="2" eb="4">
      <t>キカン</t>
    </rPh>
    <phoneticPr fontId="1"/>
  </si>
  <si>
    <t>拘束理由</t>
    <rPh sb="0" eb="2">
      <t>コウソク</t>
    </rPh>
    <rPh sb="2" eb="4">
      <t>リユウ</t>
    </rPh>
    <phoneticPr fontId="1"/>
  </si>
  <si>
    <t>Ａ</t>
    <phoneticPr fontId="1"/>
  </si>
  <si>
    <t>始期</t>
    <rPh sb="0" eb="2">
      <t>シキ</t>
    </rPh>
    <phoneticPr fontId="1"/>
  </si>
  <si>
    <t>終期</t>
    <rPh sb="0" eb="2">
      <t>シュウキ</t>
    </rPh>
    <phoneticPr fontId="1"/>
  </si>
  <si>
    <t>Ｂ</t>
    <phoneticPr fontId="1"/>
  </si>
  <si>
    <t>Ｃ</t>
    <phoneticPr fontId="1"/>
  </si>
  <si>
    <t>Ｄ</t>
    <phoneticPr fontId="1"/>
  </si>
  <si>
    <t>※拘束を継続している場合は、終期欄に解除予定時期を記入すること。</t>
    <rPh sb="1" eb="3">
      <t>コウソク</t>
    </rPh>
    <rPh sb="4" eb="6">
      <t>ケイゾク</t>
    </rPh>
    <rPh sb="10" eb="12">
      <t>バアイ</t>
    </rPh>
    <rPh sb="14" eb="16">
      <t>シュウキ</t>
    </rPh>
    <rPh sb="16" eb="17">
      <t>ラン</t>
    </rPh>
    <rPh sb="18" eb="20">
      <t>カイジョ</t>
    </rPh>
    <rPh sb="20" eb="22">
      <t>ヨテイ</t>
    </rPh>
    <rPh sb="22" eb="24">
      <t>ジキ</t>
    </rPh>
    <rPh sb="25" eb="27">
      <t>キニュウ</t>
    </rPh>
    <phoneticPr fontId="1"/>
  </si>
  <si>
    <t>(2) 入所定員を満たすために必要な職員を確保しているか。</t>
    <rPh sb="4" eb="6">
      <t>ニュウショ</t>
    </rPh>
    <rPh sb="6" eb="8">
      <t>テイイン</t>
    </rPh>
    <rPh sb="9" eb="10">
      <t>ミ</t>
    </rPh>
    <rPh sb="15" eb="17">
      <t>ヒツヨウ</t>
    </rPh>
    <rPh sb="18" eb="20">
      <t>ショクイン</t>
    </rPh>
    <rPh sb="21" eb="23">
      <t>カクホ</t>
    </rPh>
    <phoneticPr fontId="1"/>
  </si>
  <si>
    <t>(3) 利用実績が入所定員を大幅に下回っていないか。</t>
    <rPh sb="4" eb="6">
      <t>リヨウ</t>
    </rPh>
    <rPh sb="6" eb="8">
      <t>ジッセキ</t>
    </rPh>
    <rPh sb="9" eb="11">
      <t>ニュウショ</t>
    </rPh>
    <rPh sb="11" eb="13">
      <t>テイイン</t>
    </rPh>
    <rPh sb="14" eb="16">
      <t>オオハバ</t>
    </rPh>
    <rPh sb="17" eb="19">
      <t>シタマワ</t>
    </rPh>
    <phoneticPr fontId="1"/>
  </si>
  <si>
    <t>前年度の平均入所者数</t>
    <rPh sb="0" eb="3">
      <t>ゼンネンド</t>
    </rPh>
    <rPh sb="4" eb="6">
      <t>ヘイキン</t>
    </rPh>
    <rPh sb="6" eb="9">
      <t>ニュウショシャ</t>
    </rPh>
    <rPh sb="9" eb="10">
      <t>スウ</t>
    </rPh>
    <phoneticPr fontId="1"/>
  </si>
  <si>
    <t>現在の入所者数</t>
    <rPh sb="0" eb="2">
      <t>ゲンザイ</t>
    </rPh>
    <rPh sb="3" eb="6">
      <t>ニュウショシャ</t>
    </rPh>
    <rPh sb="6" eb="7">
      <t>スウ</t>
    </rPh>
    <phoneticPr fontId="1"/>
  </si>
  <si>
    <t>（利用実績が入所定員を下回っている場合）
その理由</t>
    <rPh sb="1" eb="3">
      <t>リヨウ</t>
    </rPh>
    <rPh sb="3" eb="5">
      <t>ジッセキ</t>
    </rPh>
    <rPh sb="6" eb="8">
      <t>ニュウショ</t>
    </rPh>
    <rPh sb="8" eb="10">
      <t>テイイン</t>
    </rPh>
    <rPh sb="11" eb="13">
      <t>シタマワ</t>
    </rPh>
    <rPh sb="17" eb="19">
      <t>バアイ</t>
    </rPh>
    <rPh sb="24" eb="26">
      <t>リユウ</t>
    </rPh>
    <phoneticPr fontId="1"/>
  </si>
  <si>
    <t>　１－４　支援員　………………………………………………………………１１</t>
    <rPh sb="5" eb="7">
      <t>シエン</t>
    </rPh>
    <rPh sb="7" eb="8">
      <t>イン</t>
    </rPh>
    <phoneticPr fontId="1"/>
  </si>
  <si>
    <t>　５　処遇に関する計画　………………………………………………………１７</t>
    <rPh sb="3" eb="5">
      <t>ショグウ</t>
    </rPh>
    <rPh sb="6" eb="7">
      <t>カン</t>
    </rPh>
    <rPh sb="9" eb="11">
      <t>ケイカク</t>
    </rPh>
    <phoneticPr fontId="1"/>
  </si>
  <si>
    <t>　７　食事　………………………………………………………………………１９</t>
    <rPh sb="3" eb="5">
      <t>ショクジ</t>
    </rPh>
    <phoneticPr fontId="1"/>
  </si>
  <si>
    <t>　１０　健康管理　………………………………………………………………２１</t>
    <rPh sb="4" eb="6">
      <t>ケンコウ</t>
    </rPh>
    <rPh sb="6" eb="8">
      <t>カンリ</t>
    </rPh>
    <phoneticPr fontId="1"/>
  </si>
  <si>
    <t>　１１　勤務体制の確保等　……………………………………………………２１</t>
    <rPh sb="4" eb="6">
      <t>キンム</t>
    </rPh>
    <rPh sb="6" eb="8">
      <t>タイセイ</t>
    </rPh>
    <rPh sb="9" eb="11">
      <t>カクホ</t>
    </rPh>
    <rPh sb="11" eb="12">
      <t>トウ</t>
    </rPh>
    <phoneticPr fontId="1"/>
  </si>
  <si>
    <t>　１２　業務継続計画の策定等　………………………………………………２３</t>
    <rPh sb="4" eb="6">
      <t>ギョウム</t>
    </rPh>
    <rPh sb="6" eb="10">
      <t>ケイゾクケイカク</t>
    </rPh>
    <rPh sb="11" eb="13">
      <t>サクテイ</t>
    </rPh>
    <rPh sb="13" eb="14">
      <t>トウ</t>
    </rPh>
    <phoneticPr fontId="1"/>
  </si>
  <si>
    <t>　１３　衛生管理等　……………………………………………………………２５</t>
    <rPh sb="4" eb="6">
      <t>エイセイ</t>
    </rPh>
    <rPh sb="6" eb="9">
      <t>カンリトウ</t>
    </rPh>
    <phoneticPr fontId="1"/>
  </si>
  <si>
    <t>　１４　協力病院等　……………………………………………………………２７</t>
    <rPh sb="4" eb="6">
      <t>キョウリョク</t>
    </rPh>
    <rPh sb="6" eb="8">
      <t>ビョウイン</t>
    </rPh>
    <rPh sb="8" eb="9">
      <t>トウ</t>
    </rPh>
    <phoneticPr fontId="1"/>
  </si>
  <si>
    <t>　１５　秘密保持等　……………………………………………………………２７</t>
    <rPh sb="4" eb="6">
      <t>ヒミツ</t>
    </rPh>
    <rPh sb="6" eb="8">
      <t>ホジ</t>
    </rPh>
    <rPh sb="8" eb="9">
      <t>トウ</t>
    </rPh>
    <phoneticPr fontId="1"/>
  </si>
  <si>
    <t>　１６　苦情処理　………………………………………………………………２７</t>
    <rPh sb="4" eb="6">
      <t>クジョウ</t>
    </rPh>
    <rPh sb="6" eb="8">
      <t>ショリ</t>
    </rPh>
    <phoneticPr fontId="1"/>
  </si>
  <si>
    <t>　１７　地域との連携等　………………………………………………………２７</t>
    <rPh sb="4" eb="6">
      <t>チイキ</t>
    </rPh>
    <rPh sb="8" eb="10">
      <t>レンケイ</t>
    </rPh>
    <rPh sb="10" eb="11">
      <t>トウ</t>
    </rPh>
    <phoneticPr fontId="1"/>
  </si>
  <si>
    <t>　１８　事故発生の防止及び発生時の対応　…………………………………２９</t>
    <rPh sb="4" eb="6">
      <t>ジコ</t>
    </rPh>
    <rPh sb="6" eb="8">
      <t>ハッセイ</t>
    </rPh>
    <rPh sb="9" eb="11">
      <t>ボウシ</t>
    </rPh>
    <rPh sb="11" eb="12">
      <t>オヨ</t>
    </rPh>
    <rPh sb="13" eb="15">
      <t>ハッセイ</t>
    </rPh>
    <rPh sb="15" eb="16">
      <t>ジ</t>
    </rPh>
    <rPh sb="17" eb="19">
      <t>タイオウ</t>
    </rPh>
    <phoneticPr fontId="1"/>
  </si>
  <si>
    <t>　１９　虐待の防止　……………………………………………………………３１</t>
    <rPh sb="4" eb="6">
      <t>ギャクタイ</t>
    </rPh>
    <rPh sb="7" eb="9">
      <t>ボウシ</t>
    </rPh>
    <phoneticPr fontId="1"/>
  </si>
  <si>
    <t>　１　利用者の安心・安全の確保　……………………………………………３３</t>
    <rPh sb="3" eb="6">
      <t>リヨウシャ</t>
    </rPh>
    <rPh sb="7" eb="9">
      <t>アンシン</t>
    </rPh>
    <rPh sb="10" eb="12">
      <t>アンゼン</t>
    </rPh>
    <rPh sb="13" eb="15">
      <t>カクホ</t>
    </rPh>
    <phoneticPr fontId="1"/>
  </si>
  <si>
    <t>　３　必要な職員の確保と職員処遇の充実　…………………………………４９</t>
    <rPh sb="3" eb="5">
      <t>ヒツヨウ</t>
    </rPh>
    <rPh sb="6" eb="8">
      <t>ショクイン</t>
    </rPh>
    <rPh sb="9" eb="11">
      <t>カクホ</t>
    </rPh>
    <rPh sb="12" eb="14">
      <t>ショクイン</t>
    </rPh>
    <rPh sb="14" eb="16">
      <t>ショグウ</t>
    </rPh>
    <rPh sb="17" eb="19">
      <t>ジュウジツ</t>
    </rPh>
    <phoneticPr fontId="1"/>
  </si>
  <si>
    <t>　（Ⅳ－４－(1)（p.17）において確認）</t>
    <rPh sb="19" eb="21">
      <t>カクニン</t>
    </rPh>
    <phoneticPr fontId="1"/>
  </si>
  <si>
    <t>　（Ⅳ－５－(1)（p.17）において確認）</t>
    <rPh sb="19" eb="21">
      <t>カクニン</t>
    </rPh>
    <phoneticPr fontId="1"/>
  </si>
  <si>
    <t>　（Ⅳ－４－(2)（p.17）において確認）</t>
    <rPh sb="19" eb="21">
      <t>カクニン</t>
    </rPh>
    <phoneticPr fontId="1"/>
  </si>
  <si>
    <t>　（Ⅳ－５－(2)（p.17）において確認）</t>
    <rPh sb="19" eb="21">
      <t>カクニン</t>
    </rPh>
    <phoneticPr fontId="1"/>
  </si>
  <si>
    <t>　（Ⅳ－５－(3)（p.17）において確認）</t>
    <rPh sb="19" eb="21">
      <t>カクニン</t>
    </rPh>
    <phoneticPr fontId="1"/>
  </si>
  <si>
    <t>　　（Ⅳ－１２－２－(1)（p.23）において確認）</t>
    <rPh sb="23" eb="25">
      <t>カクニン</t>
    </rPh>
    <phoneticPr fontId="1"/>
  </si>
  <si>
    <t>　　（Ⅳ－１２－２－(2)（p.23）において確認）</t>
    <phoneticPr fontId="1"/>
  </si>
  <si>
    <t>　　（Ⅳ－１３－(3)（p.25）において確認）</t>
    <rPh sb="21" eb="23">
      <t>カクニン</t>
    </rPh>
    <phoneticPr fontId="1"/>
  </si>
  <si>
    <t>　　（Ⅳ－１２－１－(2)（p.23）において確認）</t>
    <phoneticPr fontId="1"/>
  </si>
  <si>
    <t>　　（Ⅳ－１２－１－(1)（p.23）において確認）</t>
    <rPh sb="23" eb="25">
      <t>カクニン</t>
    </rPh>
    <phoneticPr fontId="1"/>
  </si>
  <si>
    <t>　　（Ⅳ－１８－(1)（p.29）において確認）</t>
    <phoneticPr fontId="1"/>
  </si>
  <si>
    <t>　　（Ⅳ－１８－(6)（p.29）において確認）</t>
    <phoneticPr fontId="1"/>
  </si>
  <si>
    <t>　　か。（年２回以上）（Ⅳ－１８－(6)（p.29）において確認）</t>
    <rPh sb="5" eb="6">
      <t>ネン</t>
    </rPh>
    <rPh sb="7" eb="8">
      <t>カイ</t>
    </rPh>
    <rPh sb="8" eb="10">
      <t>イジョウ</t>
    </rPh>
    <phoneticPr fontId="1"/>
  </si>
  <si>
    <t>　　（Ⅳ－１８－(2)（p.29）において確認）</t>
    <phoneticPr fontId="1"/>
  </si>
  <si>
    <t>　　（Ⅳ－１８－(3)（p.29）において確認）</t>
    <phoneticPr fontId="1"/>
  </si>
  <si>
    <t>　　（Ⅳ－１８－(4)（p.29）において確認）</t>
    <phoneticPr fontId="1"/>
  </si>
  <si>
    <t>　　（Ⅳ－１８－(7)（p.29）において確認）</t>
    <phoneticPr fontId="1"/>
  </si>
  <si>
    <t>　　（Ⅳ－１９－(1)（p.31）において確認）</t>
    <phoneticPr fontId="1"/>
  </si>
  <si>
    <t>　　（Ⅳ－１９－(2)（p.31）において確認）</t>
    <phoneticPr fontId="1"/>
  </si>
  <si>
    <t>　　か。（年２回以上）（Ⅳ－１９－(3)（p.31）において確認）</t>
    <phoneticPr fontId="1"/>
  </si>
  <si>
    <t>　　（Ⅳ－１９－(4)（p.31）において確認）</t>
    <phoneticPr fontId="1"/>
  </si>
  <si>
    <t>□サービス担当者会議議</t>
    <rPh sb="5" eb="8">
      <t>タントウシャ</t>
    </rPh>
    <rPh sb="8" eb="10">
      <t>カイギ</t>
    </rPh>
    <rPh sb="10" eb="11">
      <t>ギ</t>
    </rPh>
    <phoneticPr fontId="1"/>
  </si>
  <si>
    <t>　事録</t>
    <rPh sb="1" eb="2">
      <t>コト</t>
    </rPh>
    <rPh sb="2" eb="3">
      <t>ロク</t>
    </rPh>
    <phoneticPr fontId="1"/>
  </si>
  <si>
    <t>□入所検討委員会議事録</t>
    <rPh sb="1" eb="3">
      <t>ニュウショ</t>
    </rPh>
    <rPh sb="3" eb="8">
      <t>ケントウイインカイ</t>
    </rPh>
    <rPh sb="8" eb="11">
      <t>ギジロク</t>
    </rPh>
    <phoneticPr fontId="1"/>
  </si>
  <si>
    <t>□処遇に関する計画</t>
    <rPh sb="1" eb="3">
      <t>ショグウ</t>
    </rPh>
    <rPh sb="4" eb="5">
      <t>カン</t>
    </rPh>
    <rPh sb="7" eb="9">
      <t>ケイカク</t>
    </rPh>
    <phoneticPr fontId="1"/>
  </si>
  <si>
    <t>　２　虐待の防止及び身体拘束廃止　…………………………………………４５</t>
    <rPh sb="3" eb="5">
      <t>ギャクタイ</t>
    </rPh>
    <rPh sb="6" eb="8">
      <t>ボウシ</t>
    </rPh>
    <rPh sb="8" eb="9">
      <t>オヨ</t>
    </rPh>
    <rPh sb="10" eb="12">
      <t>シンタイ</t>
    </rPh>
    <rPh sb="12" eb="14">
      <t>コウソク</t>
    </rPh>
    <rPh sb="14" eb="16">
      <t>ハイシ</t>
    </rPh>
    <phoneticPr fontId="1"/>
  </si>
  <si>
    <t>◎基準条例第12条第3項
　前2項の入所者及び一般入所者は、前年度の平均値とする。ただし、新規設置又は再開の場合は、推定数による。
○解釈通知第3-1-(2)
【前年度の平均値】
　イ　当該年度の前年度の入所者延数を当該前年度の日数で除して得た数（小数点第2位以下切り上げ）
　ロ　新設・再開又は増床分に関して、前年度において1年未満の実績しかない場合の入所者数は、新設・再開又は増
　　床の時点から6月未満の間は居室の利用人員数の合計の90％、6月以上1年未満の間は直近6月における入所者延数
　　を6月間の日数で除して得た数、1年以上経過している場合は直近1年間における入所者延数を1年間の日数で除し
　　て得た数
　ハ　減少の場合、減少後の実績が3月以上あるときは、減少後の入所者延数を延日数で除して得た数</t>
    <rPh sb="67" eb="69">
      <t>カイシャク</t>
    </rPh>
    <rPh sb="69" eb="71">
      <t>ツウチ</t>
    </rPh>
    <rPh sb="71" eb="72">
      <t>ダイ</t>
    </rPh>
    <rPh sb="81" eb="84">
      <t>ゼンネンド</t>
    </rPh>
    <rPh sb="85" eb="88">
      <t>ヘイキンチ</t>
    </rPh>
    <rPh sb="93" eb="95">
      <t>トウガイ</t>
    </rPh>
    <rPh sb="95" eb="97">
      <t>ネンド</t>
    </rPh>
    <rPh sb="98" eb="101">
      <t>ゼンネンド</t>
    </rPh>
    <rPh sb="102" eb="105">
      <t>ニュウショシャ</t>
    </rPh>
    <rPh sb="105" eb="106">
      <t>ノベ</t>
    </rPh>
    <rPh sb="106" eb="107">
      <t>スウ</t>
    </rPh>
    <rPh sb="108" eb="110">
      <t>トウガイ</t>
    </rPh>
    <rPh sb="110" eb="113">
      <t>ゼンネンド</t>
    </rPh>
    <rPh sb="114" eb="116">
      <t>ニッスウ</t>
    </rPh>
    <rPh sb="117" eb="118">
      <t>ジョ</t>
    </rPh>
    <rPh sb="120" eb="121">
      <t>エ</t>
    </rPh>
    <rPh sb="122" eb="123">
      <t>カズ</t>
    </rPh>
    <rPh sb="124" eb="127">
      <t>ショウスウテン</t>
    </rPh>
    <rPh sb="127" eb="128">
      <t>ダイ</t>
    </rPh>
    <rPh sb="129" eb="130">
      <t>イ</t>
    </rPh>
    <rPh sb="130" eb="132">
      <t>イカ</t>
    </rPh>
    <rPh sb="132" eb="133">
      <t>キ</t>
    </rPh>
    <rPh sb="134" eb="135">
      <t>ア</t>
    </rPh>
    <rPh sb="141" eb="143">
      <t>シンセツ</t>
    </rPh>
    <rPh sb="144" eb="146">
      <t>サイカイ</t>
    </rPh>
    <rPh sb="146" eb="147">
      <t>マタ</t>
    </rPh>
    <rPh sb="148" eb="150">
      <t>ゾウショウ</t>
    </rPh>
    <rPh sb="150" eb="151">
      <t>ブン</t>
    </rPh>
    <rPh sb="152" eb="153">
      <t>カン</t>
    </rPh>
    <rPh sb="156" eb="159">
      <t>ゼンネンド</t>
    </rPh>
    <rPh sb="164" eb="165">
      <t>ネン</t>
    </rPh>
    <rPh sb="165" eb="167">
      <t>ミマン</t>
    </rPh>
    <rPh sb="168" eb="170">
      <t>ジッセキ</t>
    </rPh>
    <rPh sb="174" eb="176">
      <t>バアイ</t>
    </rPh>
    <rPh sb="177" eb="180">
      <t>ニュウショシャ</t>
    </rPh>
    <rPh sb="180" eb="181">
      <t>スウ</t>
    </rPh>
    <rPh sb="183" eb="185">
      <t>シンセツ</t>
    </rPh>
    <rPh sb="186" eb="188">
      <t>サイカイ</t>
    </rPh>
    <rPh sb="188" eb="189">
      <t>マタ</t>
    </rPh>
    <rPh sb="196" eb="198">
      <t>ジテン</t>
    </rPh>
    <rPh sb="201" eb="202">
      <t>ツキ</t>
    </rPh>
    <rPh sb="202" eb="204">
      <t>ミマン</t>
    </rPh>
    <rPh sb="205" eb="206">
      <t>アイダ</t>
    </rPh>
    <rPh sb="207" eb="209">
      <t>キョシツ</t>
    </rPh>
    <rPh sb="210" eb="212">
      <t>リヨウ</t>
    </rPh>
    <rPh sb="212" eb="214">
      <t>ジンイン</t>
    </rPh>
    <rPh sb="214" eb="215">
      <t>スウ</t>
    </rPh>
    <rPh sb="216" eb="218">
      <t>ゴウケイ</t>
    </rPh>
    <rPh sb="224" eb="225">
      <t>ツキ</t>
    </rPh>
    <rPh sb="225" eb="227">
      <t>イジョウ</t>
    </rPh>
    <rPh sb="228" eb="229">
      <t>ネン</t>
    </rPh>
    <rPh sb="229" eb="231">
      <t>ミマン</t>
    </rPh>
    <rPh sb="232" eb="233">
      <t>アイダ</t>
    </rPh>
    <rPh sb="234" eb="236">
      <t>チョッキン</t>
    </rPh>
    <rPh sb="237" eb="238">
      <t>ツキ</t>
    </rPh>
    <rPh sb="242" eb="245">
      <t>ニュウショシャ</t>
    </rPh>
    <rPh sb="245" eb="246">
      <t>ノベ</t>
    </rPh>
    <rPh sb="246" eb="247">
      <t>スウ</t>
    </rPh>
    <rPh sb="252" eb="253">
      <t>ツキ</t>
    </rPh>
    <rPh sb="253" eb="254">
      <t>カン</t>
    </rPh>
    <rPh sb="255" eb="257">
      <t>ニッスウ</t>
    </rPh>
    <rPh sb="258" eb="259">
      <t>ジョ</t>
    </rPh>
    <rPh sb="261" eb="262">
      <t>エ</t>
    </rPh>
    <rPh sb="263" eb="264">
      <t>カズ</t>
    </rPh>
    <rPh sb="266" eb="269">
      <t>ネンイジョウ</t>
    </rPh>
    <rPh sb="269" eb="271">
      <t>ケイカ</t>
    </rPh>
    <rPh sb="275" eb="277">
      <t>バアイ</t>
    </rPh>
    <rPh sb="278" eb="280">
      <t>チョッキン</t>
    </rPh>
    <rPh sb="281" eb="283">
      <t>ネンカン</t>
    </rPh>
    <rPh sb="287" eb="290">
      <t>ニュウショシャ</t>
    </rPh>
    <rPh sb="290" eb="291">
      <t>ノベ</t>
    </rPh>
    <rPh sb="291" eb="292">
      <t>スウ</t>
    </rPh>
    <rPh sb="294" eb="296">
      <t>ネンカン</t>
    </rPh>
    <rPh sb="297" eb="299">
      <t>ニッスウ</t>
    </rPh>
    <rPh sb="300" eb="301">
      <t>ジョ</t>
    </rPh>
    <rPh sb="306" eb="307">
      <t>エ</t>
    </rPh>
    <rPh sb="308" eb="309">
      <t>カズ</t>
    </rPh>
    <rPh sb="313" eb="315">
      <t>ゲンショウ</t>
    </rPh>
    <rPh sb="316" eb="318">
      <t>バアイ</t>
    </rPh>
    <rPh sb="319" eb="321">
      <t>ゲンショウ</t>
    </rPh>
    <rPh sb="321" eb="322">
      <t>ゴ</t>
    </rPh>
    <rPh sb="323" eb="325">
      <t>ジッセキ</t>
    </rPh>
    <rPh sb="327" eb="328">
      <t>ツキ</t>
    </rPh>
    <rPh sb="328" eb="330">
      <t>イジョウ</t>
    </rPh>
    <rPh sb="336" eb="338">
      <t>ゲンショウ</t>
    </rPh>
    <rPh sb="338" eb="339">
      <t>ゴ</t>
    </rPh>
    <rPh sb="340" eb="343">
      <t>ニュウショシャ</t>
    </rPh>
    <rPh sb="343" eb="344">
      <t>ノベ</t>
    </rPh>
    <rPh sb="344" eb="345">
      <t>スウ</t>
    </rPh>
    <rPh sb="346" eb="347">
      <t>ノベ</t>
    </rPh>
    <rPh sb="347" eb="349">
      <t>ニッスウ</t>
    </rPh>
    <rPh sb="350" eb="351">
      <t>ジョ</t>
    </rPh>
    <rPh sb="353" eb="354">
      <t>エ</t>
    </rPh>
    <rPh sb="355" eb="356">
      <t>カズ</t>
    </rPh>
    <phoneticPr fontId="1"/>
  </si>
  <si>
    <t>◎基準条例第12条
1 養護老人ホームには、次の各号に掲げる職員を置かなければならない。
　(4) 支援員
　　ア　常勤換算方法で、一般入所者（入所者であって、指定特定施設入居者生活介護（鹿児島市指定居宅サービス等
　　　の事業の人員、設備及び運営の基準に関する条例（平成24年条例第43号）第216条第1項に規定する指定特定施設
　　　入居者生活介護をいう。以下同じ。）、指定地域密着型特定施設入居者生活介護（鹿児島市指定地域密着型サー
　　　ビスの事業の人員、設備及び運営の基準に関する条例（平成24年条例第45号）第129条第1項に規定する指定地域
　　　密着型特定施設入居者生活介護をいう。以下同じ。）又は指定介護予防特定施設入居者生活介護（鹿児島市指定
　　　介護予防サービス等の事業の人員、設備及び運営並びに指定介護予防サービス等に係る介護予防のための効果的
　　　な支援の方法の基準に関する条例（平成24年条例第44号）第202条第1項に規定する指定介護予防特定施設入居者
　　　生活介護をいう。以下同じ。）の提供を受けていないものをいう。以下同じ。）が15人又はその端数を増すごと
　　　に1人以上とすること。
　　イ　支援員のうち1人を主任支援員とすること。
9 第1項第4号イ又は第2項第2号イの主任支援員は、常勤の者でなければならない。</t>
    <phoneticPr fontId="1"/>
  </si>
  <si>
    <t>○解釈通知第5-9-(4)（第4項関係）
【事業者が講ずべき措置の具体的内容】
・事業主が職場における性的な言動に起因する問題に関して雇用管理上講ずべき措置等についての指針（平成18年厚生
　労働省告示第615号）及び事業主が職場における優越的な関係を背景とした言動に起因する問題に関して雇用管理上
　講ずべき措置等についての指針（令和2年厚生労働省告示第5号。以下「パワーハラスメント指針」という。）におい
　て規定されているとおりである。
・特に留意されたい事項は以下のとおりである。
　①事業者の方針等の明確化及びその周知・啓発
　　職場におけるハラスメントの内容及び職場におけるハラスメントを行ってはならない旨の方針を明確化し、職員に
　　周知・啓発すること。
　②相談・苦情に応じ、適切に対応するために必要な体制の整備
　　相談・苦情に対応する担当者をあらかじめ定めること等により、相談への対応のための窓口をあらかじめ定め、職
　　員に周知すること。</t>
    <rPh sb="1" eb="3">
      <t>カイシャク</t>
    </rPh>
    <rPh sb="3" eb="5">
      <t>ツウチ</t>
    </rPh>
    <rPh sb="5" eb="6">
      <t>ダイ</t>
    </rPh>
    <rPh sb="14" eb="15">
      <t>ダイ</t>
    </rPh>
    <rPh sb="16" eb="17">
      <t>コウ</t>
    </rPh>
    <rPh sb="17" eb="19">
      <t>カンケイ</t>
    </rPh>
    <rPh sb="22" eb="25">
      <t>ジギョウシャ</t>
    </rPh>
    <rPh sb="26" eb="27">
      <t>コウ</t>
    </rPh>
    <rPh sb="30" eb="32">
      <t>ソチ</t>
    </rPh>
    <rPh sb="33" eb="35">
      <t>グタイ</t>
    </rPh>
    <rPh sb="35" eb="36">
      <t>テキ</t>
    </rPh>
    <rPh sb="36" eb="38">
      <t>ナイヨウ</t>
    </rPh>
    <rPh sb="41" eb="43">
      <t>ジギョウ</t>
    </rPh>
    <rPh sb="43" eb="44">
      <t>ヌシ</t>
    </rPh>
    <rPh sb="45" eb="47">
      <t>ショクバ</t>
    </rPh>
    <rPh sb="51" eb="53">
      <t>セイテキ</t>
    </rPh>
    <rPh sb="54" eb="56">
      <t>ゲンドウ</t>
    </rPh>
    <rPh sb="57" eb="59">
      <t>キイン</t>
    </rPh>
    <rPh sb="61" eb="63">
      <t>モンダイ</t>
    </rPh>
    <rPh sb="64" eb="65">
      <t>カン</t>
    </rPh>
    <rPh sb="67" eb="69">
      <t>コヨウ</t>
    </rPh>
    <rPh sb="69" eb="71">
      <t>カンリ</t>
    </rPh>
    <rPh sb="71" eb="72">
      <t>ジョウ</t>
    </rPh>
    <rPh sb="72" eb="73">
      <t>コウ</t>
    </rPh>
    <rPh sb="76" eb="78">
      <t>ソチ</t>
    </rPh>
    <rPh sb="78" eb="79">
      <t>トウ</t>
    </rPh>
    <rPh sb="84" eb="86">
      <t>シシン</t>
    </rPh>
    <rPh sb="87" eb="89">
      <t>ヘイセイ</t>
    </rPh>
    <rPh sb="91" eb="92">
      <t>ネン</t>
    </rPh>
    <rPh sb="92" eb="94">
      <t>コウセイ</t>
    </rPh>
    <rPh sb="96" eb="99">
      <t>ロウドウショウ</t>
    </rPh>
    <rPh sb="99" eb="101">
      <t>コクジ</t>
    </rPh>
    <rPh sb="101" eb="102">
      <t>ダイ</t>
    </rPh>
    <rPh sb="105" eb="106">
      <t>ゴウ</t>
    </rPh>
    <rPh sb="107" eb="108">
      <t>オヨ</t>
    </rPh>
    <rPh sb="109" eb="111">
      <t>ジギョウ</t>
    </rPh>
    <rPh sb="111" eb="112">
      <t>ヌシ</t>
    </rPh>
    <rPh sb="113" eb="115">
      <t>ショクバ</t>
    </rPh>
    <rPh sb="119" eb="122">
      <t>ユウエツテキ</t>
    </rPh>
    <rPh sb="123" eb="125">
      <t>カンケイ</t>
    </rPh>
    <rPh sb="126" eb="128">
      <t>ハイケイ</t>
    </rPh>
    <rPh sb="131" eb="133">
      <t>ゲンドウ</t>
    </rPh>
    <rPh sb="134" eb="136">
      <t>キイン</t>
    </rPh>
    <rPh sb="138" eb="140">
      <t>モンダイ</t>
    </rPh>
    <rPh sb="141" eb="142">
      <t>カン</t>
    </rPh>
    <rPh sb="144" eb="146">
      <t>コヨウ</t>
    </rPh>
    <rPh sb="146" eb="148">
      <t>カンリ</t>
    </rPh>
    <rPh sb="148" eb="149">
      <t>ジョウ</t>
    </rPh>
    <rPh sb="151" eb="152">
      <t>コウ</t>
    </rPh>
    <rPh sb="155" eb="157">
      <t>ソチ</t>
    </rPh>
    <rPh sb="157" eb="158">
      <t>トウ</t>
    </rPh>
    <rPh sb="163" eb="165">
      <t>シシン</t>
    </rPh>
    <rPh sb="166" eb="168">
      <t>レイワ</t>
    </rPh>
    <rPh sb="169" eb="170">
      <t>ネン</t>
    </rPh>
    <rPh sb="170" eb="175">
      <t>コウセイロウドウショウ</t>
    </rPh>
    <rPh sb="175" eb="177">
      <t>コクジ</t>
    </rPh>
    <rPh sb="177" eb="178">
      <t>ダイ</t>
    </rPh>
    <rPh sb="179" eb="180">
      <t>ゴウ</t>
    </rPh>
    <rPh sb="181" eb="183">
      <t>イカ</t>
    </rPh>
    <rPh sb="193" eb="195">
      <t>シシン</t>
    </rPh>
    <rPh sb="207" eb="209">
      <t>キテイ</t>
    </rPh>
    <rPh sb="223" eb="224">
      <t>トク</t>
    </rPh>
    <rPh sb="225" eb="227">
      <t>リュウイ</t>
    </rPh>
    <rPh sb="231" eb="233">
      <t>ジコウ</t>
    </rPh>
    <rPh sb="234" eb="236">
      <t>イカ</t>
    </rPh>
    <rPh sb="247" eb="250">
      <t>ジギョウシャ</t>
    </rPh>
    <rPh sb="251" eb="253">
      <t>ホウシン</t>
    </rPh>
    <rPh sb="253" eb="254">
      <t>トウ</t>
    </rPh>
    <rPh sb="255" eb="258">
      <t>メイカクカ</t>
    </rPh>
    <rPh sb="258" eb="259">
      <t>オヨ</t>
    </rPh>
    <rPh sb="262" eb="264">
      <t>シュウチ</t>
    </rPh>
    <rPh sb="265" eb="267">
      <t>ケイハツ</t>
    </rPh>
    <rPh sb="270" eb="272">
      <t>ショクバ</t>
    </rPh>
    <rPh sb="283" eb="285">
      <t>ナイヨウ</t>
    </rPh>
    <rPh sb="285" eb="286">
      <t>オヨ</t>
    </rPh>
    <rPh sb="287" eb="289">
      <t>ショクバ</t>
    </rPh>
    <rPh sb="300" eb="301">
      <t>オコナ</t>
    </rPh>
    <rPh sb="308" eb="309">
      <t>ムネ</t>
    </rPh>
    <rPh sb="310" eb="312">
      <t>ホウシン</t>
    </rPh>
    <rPh sb="313" eb="316">
      <t>メイカクカ</t>
    </rPh>
    <rPh sb="318" eb="320">
      <t>ショクイン</t>
    </rPh>
    <rPh sb="324" eb="326">
      <t>シュウチ</t>
    </rPh>
    <rPh sb="327" eb="329">
      <t>ケイハツ</t>
    </rPh>
    <rPh sb="337" eb="339">
      <t>ソウダン</t>
    </rPh>
    <rPh sb="340" eb="342">
      <t>クジョウ</t>
    </rPh>
    <rPh sb="343" eb="344">
      <t>オウ</t>
    </rPh>
    <rPh sb="346" eb="348">
      <t>テキセツ</t>
    </rPh>
    <rPh sb="349" eb="351">
      <t>タイオウ</t>
    </rPh>
    <rPh sb="356" eb="358">
      <t>ヒツヨウ</t>
    </rPh>
    <rPh sb="359" eb="361">
      <t>タイセイ</t>
    </rPh>
    <rPh sb="362" eb="364">
      <t>セイビ</t>
    </rPh>
    <rPh sb="367" eb="369">
      <t>ソウダン</t>
    </rPh>
    <rPh sb="370" eb="372">
      <t>クジョウ</t>
    </rPh>
    <rPh sb="373" eb="375">
      <t>タイオウ</t>
    </rPh>
    <rPh sb="377" eb="380">
      <t>タントウシャ</t>
    </rPh>
    <rPh sb="386" eb="387">
      <t>サダ</t>
    </rPh>
    <rPh sb="391" eb="392">
      <t>トウ</t>
    </rPh>
    <rPh sb="396" eb="398">
      <t>ソウダン</t>
    </rPh>
    <rPh sb="400" eb="402">
      <t>タイオウ</t>
    </rPh>
    <rPh sb="406" eb="408">
      <t>マドグチ</t>
    </rPh>
    <rPh sb="414" eb="415">
      <t>サダ</t>
    </rPh>
    <rPh sb="423" eb="425">
      <t>シュウチ</t>
    </rPh>
    <phoneticPr fontId="1"/>
  </si>
  <si>
    <t>　委員会をおおむね３か月に１回以上開催しているか。</t>
    <rPh sb="15" eb="17">
      <t>イジョウ</t>
    </rPh>
    <phoneticPr fontId="1"/>
  </si>
  <si>
    <t>【入所予定者への対応】
・施設は、入所予定者の感染症に関する事項も含めた健康状態を確認することが必要であるが、その結果感染症や既往
　症であっても、一定の場合を除き、サービス提供を断る正当な理由には該当しないものである。
・こうした者が入所する場合には、感染対策担当者は、介護職員その他の職員に対し、当該感染症に関する知識、対応
　等について周知することが必要である。</t>
    <rPh sb="1" eb="3">
      <t>ニュウショ</t>
    </rPh>
    <rPh sb="3" eb="5">
      <t>ヨテイ</t>
    </rPh>
    <rPh sb="5" eb="6">
      <t>シャ</t>
    </rPh>
    <rPh sb="8" eb="10">
      <t>タイオウ</t>
    </rPh>
    <rPh sb="13" eb="15">
      <t>シセツ</t>
    </rPh>
    <rPh sb="17" eb="19">
      <t>ニュウショ</t>
    </rPh>
    <rPh sb="19" eb="21">
      <t>ヨテイ</t>
    </rPh>
    <rPh sb="21" eb="22">
      <t>シャ</t>
    </rPh>
    <rPh sb="23" eb="26">
      <t>カンセンショウ</t>
    </rPh>
    <rPh sb="27" eb="28">
      <t>カン</t>
    </rPh>
    <rPh sb="30" eb="32">
      <t>ジコウ</t>
    </rPh>
    <rPh sb="33" eb="34">
      <t>フク</t>
    </rPh>
    <rPh sb="36" eb="38">
      <t>ケンコウ</t>
    </rPh>
    <rPh sb="38" eb="40">
      <t>ジョウタイ</t>
    </rPh>
    <rPh sb="41" eb="43">
      <t>カクニン</t>
    </rPh>
    <rPh sb="48" eb="50">
      <t>ヒツヨウ</t>
    </rPh>
    <rPh sb="57" eb="59">
      <t>ケッカ</t>
    </rPh>
    <rPh sb="59" eb="62">
      <t>カンセンショウ</t>
    </rPh>
    <rPh sb="63" eb="65">
      <t>キオウ</t>
    </rPh>
    <rPh sb="67" eb="68">
      <t>ショウ</t>
    </rPh>
    <rPh sb="74" eb="76">
      <t>イッテイ</t>
    </rPh>
    <rPh sb="77" eb="79">
      <t>バアイ</t>
    </rPh>
    <rPh sb="80" eb="81">
      <t>ノゾ</t>
    </rPh>
    <rPh sb="87" eb="89">
      <t>テイキョウ</t>
    </rPh>
    <rPh sb="90" eb="91">
      <t>コトワ</t>
    </rPh>
    <rPh sb="92" eb="94">
      <t>セイトウ</t>
    </rPh>
    <rPh sb="95" eb="97">
      <t>リユウ</t>
    </rPh>
    <rPh sb="99" eb="101">
      <t>ガイトウ</t>
    </rPh>
    <rPh sb="116" eb="117">
      <t>モノ</t>
    </rPh>
    <rPh sb="118" eb="120">
      <t>ニュウショ</t>
    </rPh>
    <rPh sb="122" eb="124">
      <t>バアイ</t>
    </rPh>
    <rPh sb="127" eb="129">
      <t>カンセン</t>
    </rPh>
    <rPh sb="129" eb="131">
      <t>タイサク</t>
    </rPh>
    <rPh sb="131" eb="134">
      <t>タントウシャ</t>
    </rPh>
    <rPh sb="136" eb="138">
      <t>カイゴ</t>
    </rPh>
    <rPh sb="138" eb="140">
      <t>ショクイン</t>
    </rPh>
    <rPh sb="142" eb="143">
      <t>タ</t>
    </rPh>
    <rPh sb="144" eb="146">
      <t>ショクイン</t>
    </rPh>
    <rPh sb="147" eb="148">
      <t>タイ</t>
    </rPh>
    <rPh sb="150" eb="152">
      <t>トウガイ</t>
    </rPh>
    <rPh sb="152" eb="155">
      <t>カンセンショウ</t>
    </rPh>
    <rPh sb="156" eb="157">
      <t>カン</t>
    </rPh>
    <rPh sb="159" eb="161">
      <t>チシキ</t>
    </rPh>
    <rPh sb="162" eb="164">
      <t>タイオウ</t>
    </rPh>
    <rPh sb="166" eb="167">
      <t>トウ</t>
    </rPh>
    <rPh sb="171" eb="173">
      <t>シュウチ</t>
    </rPh>
    <rPh sb="178" eb="180">
      <t>ヒツヨウ</t>
    </rPh>
    <phoneticPr fontId="1"/>
  </si>
  <si>
    <t>２　虐待防止及び身体拘束廃止</t>
    <rPh sb="2" eb="4">
      <t>ギャクタイ</t>
    </rPh>
    <rPh sb="4" eb="6">
      <t>ボウシ</t>
    </rPh>
    <rPh sb="6" eb="7">
      <t>オヨ</t>
    </rPh>
    <rPh sb="8" eb="10">
      <t>シンタイ</t>
    </rPh>
    <rPh sb="10" eb="12">
      <t>コウソク</t>
    </rPh>
    <rPh sb="12" eb="14">
      <t>ハイシ</t>
    </rPh>
    <phoneticPr fontId="1"/>
  </si>
  <si>
    <t>　務継続計画）の策定及び必要な措置を講じているか。</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6">
    <numFmt numFmtId="176" formatCode="#,##0;&quot;▲ &quot;#,##0"/>
    <numFmt numFmtId="177" formatCode="[$-411]ggge&quot;年&quot;m&quot;月&quot;d&quot;日&quot;;@"/>
    <numFmt numFmtId="178" formatCode="#,##0_ "/>
    <numFmt numFmtId="179" formatCode="#,##0.0_ "/>
    <numFmt numFmtId="180" formatCode="[$-411]ge\.m\.d;@"/>
    <numFmt numFmtId="181" formatCode="0_ "/>
  </numFmts>
  <fonts count="13">
    <font>
      <sz val="11"/>
      <name val="ＭＳ Ｐゴシック"/>
      <family val="2"/>
      <charset val="128"/>
    </font>
    <font>
      <sz val="6"/>
      <name val="ＭＳ Ｐゴシック"/>
      <family val="2"/>
      <charset val="128"/>
    </font>
    <font>
      <sz val="10"/>
      <name val="HGｺﾞｼｯｸM"/>
      <family val="3"/>
      <charset val="128"/>
    </font>
    <font>
      <sz val="9"/>
      <name val="HGｺﾞｼｯｸM"/>
      <family val="3"/>
      <charset val="128"/>
    </font>
    <font>
      <sz val="8"/>
      <name val="HGｺﾞｼｯｸM"/>
      <family val="3"/>
      <charset val="128"/>
    </font>
    <font>
      <sz val="10"/>
      <name val="ＭＳ ゴシック"/>
      <family val="3"/>
      <charset val="128"/>
    </font>
    <font>
      <sz val="14"/>
      <name val="ＭＳ ゴシック"/>
      <family val="3"/>
      <charset val="128"/>
    </font>
    <font>
      <u/>
      <sz val="8"/>
      <name val="HGｺﾞｼｯｸM"/>
      <family val="3"/>
      <charset val="128"/>
    </font>
    <font>
      <sz val="9"/>
      <name val="ＭＳ ゴシック"/>
      <family val="3"/>
      <charset val="128"/>
    </font>
    <font>
      <sz val="14"/>
      <name val="HGｺﾞｼｯｸM"/>
      <family val="3"/>
      <charset val="128"/>
    </font>
    <font>
      <u/>
      <sz val="11"/>
      <color theme="10"/>
      <name val="ＭＳ Ｐゴシック"/>
      <family val="2"/>
      <charset val="128"/>
    </font>
    <font>
      <sz val="9"/>
      <color theme="0"/>
      <name val="HGｺﾞｼｯｸM"/>
      <family val="3"/>
      <charset val="128"/>
    </font>
    <font>
      <sz val="11"/>
      <name val="HGｺﾞｼｯｸM"/>
      <family val="3"/>
      <charset val="128"/>
    </font>
  </fonts>
  <fills count="7">
    <fill>
      <patternFill patternType="none"/>
    </fill>
    <fill>
      <patternFill patternType="gray125"/>
    </fill>
    <fill>
      <patternFill patternType="solid">
        <fgColor theme="0"/>
        <bgColor indexed="64"/>
      </patternFill>
    </fill>
    <fill>
      <patternFill patternType="solid">
        <fgColor theme="5" tint="0.79998168889431442"/>
        <bgColor indexed="64"/>
      </patternFill>
    </fill>
    <fill>
      <patternFill patternType="solid">
        <fgColor theme="7" tint="0.79998168889431442"/>
        <bgColor indexed="64"/>
      </patternFill>
    </fill>
    <fill>
      <patternFill patternType="solid">
        <fgColor rgb="FF00B0F0"/>
        <bgColor indexed="64"/>
      </patternFill>
    </fill>
    <fill>
      <patternFill patternType="solid">
        <fgColor rgb="FFFFFF00"/>
        <bgColor indexed="64"/>
      </patternFill>
    </fill>
  </fills>
  <borders count="79">
    <border>
      <left/>
      <right/>
      <top/>
      <bottom/>
      <diagonal/>
    </border>
    <border>
      <left style="hair">
        <color indexed="64"/>
      </left>
      <right style="hair">
        <color indexed="64"/>
      </right>
      <top style="hair">
        <color indexed="64"/>
      </top>
      <bottom style="hair">
        <color indexed="64"/>
      </bottom>
      <diagonal/>
    </border>
    <border>
      <left style="hair">
        <color indexed="64"/>
      </left>
      <right style="hair">
        <color indexed="64"/>
      </right>
      <top style="hair">
        <color indexed="64"/>
      </top>
      <bottom/>
      <diagonal/>
    </border>
    <border>
      <left style="hair">
        <color indexed="64"/>
      </left>
      <right style="hair">
        <color indexed="64"/>
      </right>
      <top/>
      <bottom/>
      <diagonal/>
    </border>
    <border>
      <left style="hair">
        <color indexed="64"/>
      </left>
      <right style="hair">
        <color indexed="64"/>
      </right>
      <top/>
      <bottom style="hair">
        <color indexed="64"/>
      </bottom>
      <diagonal/>
    </border>
    <border>
      <left style="hair">
        <color indexed="64"/>
      </left>
      <right/>
      <top/>
      <bottom style="hair">
        <color indexed="64"/>
      </bottom>
      <diagonal/>
    </border>
    <border>
      <left/>
      <right style="hair">
        <color indexed="64"/>
      </right>
      <top/>
      <bottom style="hair">
        <color indexed="64"/>
      </bottom>
      <diagonal/>
    </border>
    <border>
      <left style="hair">
        <color indexed="64"/>
      </left>
      <right/>
      <top style="hair">
        <color indexed="64"/>
      </top>
      <bottom style="hair">
        <color indexed="64"/>
      </bottom>
      <diagonal/>
    </border>
    <border>
      <left/>
      <right style="hair">
        <color indexed="64"/>
      </right>
      <top style="hair">
        <color indexed="64"/>
      </top>
      <bottom style="hair">
        <color indexed="64"/>
      </bottom>
      <diagonal/>
    </border>
    <border>
      <left style="thin">
        <color indexed="64"/>
      </left>
      <right style="hair">
        <color indexed="64"/>
      </right>
      <top style="thin">
        <color indexed="64"/>
      </top>
      <bottom style="hair">
        <color indexed="64"/>
      </bottom>
      <diagonal/>
    </border>
    <border>
      <left style="thin">
        <color indexed="64"/>
      </left>
      <right style="hair">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thin">
        <color indexed="64"/>
      </left>
      <right style="hair">
        <color indexed="64"/>
      </right>
      <top/>
      <bottom style="hair">
        <color indexed="64"/>
      </bottom>
      <diagonal/>
    </border>
    <border>
      <left/>
      <right/>
      <top style="thin">
        <color indexed="64"/>
      </top>
      <bottom/>
      <diagonal/>
    </border>
    <border>
      <left style="hair">
        <color indexed="64"/>
      </left>
      <right/>
      <top style="thin">
        <color indexed="64"/>
      </top>
      <bottom style="hair">
        <color indexed="64"/>
      </bottom>
      <diagonal/>
    </border>
    <border>
      <left style="hair">
        <color indexed="64"/>
      </left>
      <right/>
      <top style="hair">
        <color indexed="64"/>
      </top>
      <bottom style="thin">
        <color indexed="64"/>
      </bottom>
      <diagonal/>
    </border>
    <border>
      <left/>
      <right style="hair">
        <color indexed="64"/>
      </right>
      <top/>
      <bottom style="thin">
        <color indexed="64"/>
      </bottom>
      <diagonal/>
    </border>
    <border>
      <left/>
      <right style="hair">
        <color indexed="64"/>
      </right>
      <top style="hair">
        <color indexed="64"/>
      </top>
      <bottom style="thin">
        <color indexed="64"/>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thin">
        <color indexed="64"/>
      </bottom>
      <diagonal/>
    </border>
    <border>
      <left style="thin">
        <color indexed="64"/>
      </left>
      <right style="thin">
        <color indexed="64"/>
      </right>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bottom/>
      <diagonal/>
    </border>
    <border>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bottom/>
      <diagonal/>
    </border>
    <border>
      <left style="hair">
        <color indexed="64"/>
      </left>
      <right style="thin">
        <color indexed="64"/>
      </right>
      <top/>
      <bottom style="thin">
        <color indexed="64"/>
      </bottom>
      <diagonal/>
    </border>
    <border>
      <left style="hair">
        <color indexed="64"/>
      </left>
      <right style="thin">
        <color indexed="64"/>
      </right>
      <top/>
      <bottom/>
      <diagonal/>
    </border>
    <border>
      <left style="thin">
        <color indexed="64"/>
      </left>
      <right/>
      <top style="hair">
        <color indexed="64"/>
      </top>
      <bottom style="thin">
        <color indexed="64"/>
      </bottom>
      <diagonal/>
    </border>
    <border>
      <left style="hair">
        <color indexed="64"/>
      </left>
      <right style="thin">
        <color indexed="64"/>
      </right>
      <top style="hair">
        <color indexed="64"/>
      </top>
      <bottom style="thin">
        <color indexed="64"/>
      </bottom>
      <diagonal/>
    </border>
    <border>
      <left style="hair">
        <color indexed="64"/>
      </left>
      <right style="thin">
        <color indexed="64"/>
      </right>
      <top style="thin">
        <color indexed="64"/>
      </top>
      <bottom/>
      <diagonal/>
    </border>
    <border>
      <left style="hair">
        <color indexed="64"/>
      </left>
      <right style="thin">
        <color indexed="64"/>
      </right>
      <top style="hair">
        <color indexed="64"/>
      </top>
      <bottom style="hair">
        <color indexed="64"/>
      </bottom>
      <diagonal/>
    </border>
    <border>
      <left style="hair">
        <color indexed="64"/>
      </left>
      <right style="thin">
        <color indexed="64"/>
      </right>
      <top style="thin">
        <color indexed="64"/>
      </top>
      <bottom style="thin">
        <color indexed="64"/>
      </bottom>
      <diagonal/>
    </border>
    <border>
      <left style="hair">
        <color indexed="64"/>
      </left>
      <right style="thin">
        <color indexed="64"/>
      </right>
      <top style="thin">
        <color indexed="64"/>
      </top>
      <bottom style="hair">
        <color indexed="64"/>
      </bottom>
      <diagonal/>
    </border>
    <border>
      <left/>
      <right style="hair">
        <color indexed="64"/>
      </right>
      <top style="thin">
        <color indexed="64"/>
      </top>
      <bottom style="hair">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hair">
        <color indexed="64"/>
      </left>
      <right style="hair">
        <color indexed="64"/>
      </right>
      <top style="thin">
        <color indexed="64"/>
      </top>
      <bottom style="hair">
        <color indexed="64"/>
      </bottom>
      <diagonal/>
    </border>
    <border>
      <left style="thin">
        <color indexed="64"/>
      </left>
      <right/>
      <top style="hair">
        <color indexed="64"/>
      </top>
      <bottom style="hair">
        <color indexed="64"/>
      </bottom>
      <diagonal/>
    </border>
    <border>
      <left/>
      <right style="thin">
        <color indexed="64"/>
      </right>
      <top style="hair">
        <color indexed="64"/>
      </top>
      <bottom style="hair">
        <color indexed="64"/>
      </bottom>
      <diagonal/>
    </border>
    <border>
      <left/>
      <right style="thin">
        <color indexed="64"/>
      </right>
      <top style="hair">
        <color indexed="64"/>
      </top>
      <bottom style="thin">
        <color indexed="64"/>
      </bottom>
      <diagonal/>
    </border>
    <border>
      <left style="thin">
        <color indexed="64"/>
      </left>
      <right style="hair">
        <color indexed="64"/>
      </right>
      <top style="thin">
        <color indexed="64"/>
      </top>
      <bottom/>
      <diagonal/>
    </border>
    <border>
      <left style="thin">
        <color indexed="64"/>
      </left>
      <right style="hair">
        <color indexed="64"/>
      </right>
      <top/>
      <bottom/>
      <diagonal/>
    </border>
    <border>
      <left style="thin">
        <color indexed="64"/>
      </left>
      <right style="hair">
        <color indexed="64"/>
      </right>
      <top/>
      <bottom style="thin">
        <color indexed="64"/>
      </bottom>
      <diagonal/>
    </border>
    <border>
      <left style="thin">
        <color indexed="64"/>
      </left>
      <right/>
      <top/>
      <bottom style="hair">
        <color indexed="64"/>
      </bottom>
      <diagonal/>
    </border>
    <border>
      <left/>
      <right style="thin">
        <color indexed="64"/>
      </right>
      <top/>
      <bottom style="hair">
        <color indexed="64"/>
      </bottom>
      <diagonal/>
    </border>
    <border>
      <left/>
      <right/>
      <top style="hair">
        <color indexed="64"/>
      </top>
      <bottom style="hair">
        <color indexed="64"/>
      </bottom>
      <diagonal/>
    </border>
    <border>
      <left/>
      <right/>
      <top style="hair">
        <color indexed="64"/>
      </top>
      <bottom/>
      <diagonal/>
    </border>
    <border>
      <left style="hair">
        <color indexed="64"/>
      </left>
      <right/>
      <top style="thin">
        <color indexed="64"/>
      </top>
      <bottom/>
      <diagonal/>
    </border>
    <border>
      <left style="hair">
        <color indexed="64"/>
      </left>
      <right style="thin">
        <color indexed="64"/>
      </right>
      <top style="hair">
        <color indexed="64"/>
      </top>
      <bottom/>
      <diagonal/>
    </border>
    <border>
      <left style="hair">
        <color indexed="64"/>
      </left>
      <right style="thin">
        <color indexed="64"/>
      </right>
      <top/>
      <bottom style="hair">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style="thin">
        <color indexed="64"/>
      </left>
      <right style="hair">
        <color indexed="64"/>
      </right>
      <top style="hair">
        <color indexed="64"/>
      </top>
      <bottom/>
      <diagonal/>
    </border>
    <border>
      <left/>
      <right/>
      <top/>
      <bottom style="hair">
        <color indexed="64"/>
      </bottom>
      <diagonal/>
    </border>
    <border>
      <left style="hair">
        <color indexed="64"/>
      </left>
      <right/>
      <top style="hair">
        <color indexed="64"/>
      </top>
      <bottom/>
      <diagonal/>
    </border>
    <border>
      <left style="hair">
        <color indexed="64"/>
      </left>
      <right/>
      <top/>
      <bottom/>
      <diagonal/>
    </border>
    <border>
      <left/>
      <right style="thin">
        <color indexed="64"/>
      </right>
      <top style="hair">
        <color indexed="64"/>
      </top>
      <bottom/>
      <diagonal/>
    </border>
    <border>
      <left style="thin">
        <color indexed="64"/>
      </left>
      <right style="thin">
        <color indexed="64"/>
      </right>
      <top style="hair">
        <color indexed="64"/>
      </top>
      <bottom/>
      <diagonal/>
    </border>
    <border>
      <left/>
      <right style="hair">
        <color indexed="64"/>
      </right>
      <top style="hair">
        <color indexed="64"/>
      </top>
      <bottom/>
      <diagonal/>
    </border>
    <border>
      <left/>
      <right style="hair">
        <color indexed="64"/>
      </right>
      <top/>
      <bottom/>
      <diagonal/>
    </border>
    <border diagonalDown="1">
      <left style="hair">
        <color indexed="64"/>
      </left>
      <right style="hair">
        <color indexed="64"/>
      </right>
      <top style="hair">
        <color indexed="64"/>
      </top>
      <bottom style="hair">
        <color indexed="64"/>
      </bottom>
      <diagonal style="hair">
        <color indexed="64"/>
      </diagonal>
    </border>
    <border>
      <left style="hair">
        <color indexed="64"/>
      </left>
      <right style="hair">
        <color indexed="64"/>
      </right>
      <top style="thin">
        <color indexed="64"/>
      </top>
      <bottom/>
      <diagonal/>
    </border>
    <border>
      <left/>
      <right style="hair">
        <color indexed="64"/>
      </right>
      <top style="thin">
        <color indexed="64"/>
      </top>
      <bottom/>
      <diagonal/>
    </border>
    <border>
      <left style="thin">
        <color indexed="64"/>
      </left>
      <right/>
      <top style="thin">
        <color indexed="64"/>
      </top>
      <bottom style="hair">
        <color indexed="64"/>
      </bottom>
      <diagonal/>
    </border>
    <border>
      <left style="hair">
        <color indexed="64"/>
      </left>
      <right/>
      <top/>
      <bottom style="thin">
        <color indexed="64"/>
      </bottom>
      <diagonal/>
    </border>
    <border>
      <left/>
      <right style="thin">
        <color indexed="64"/>
      </right>
      <top style="thin">
        <color indexed="64"/>
      </top>
      <bottom style="hair">
        <color indexed="64"/>
      </bottom>
      <diagonal/>
    </border>
    <border>
      <left/>
      <right/>
      <top style="hair">
        <color indexed="64"/>
      </top>
      <bottom style="thin">
        <color indexed="64"/>
      </bottom>
      <diagonal/>
    </border>
    <border>
      <left/>
      <right/>
      <top style="thin">
        <color indexed="64"/>
      </top>
      <bottom style="hair">
        <color indexed="64"/>
      </bottom>
      <diagonal/>
    </border>
    <border>
      <left style="thin">
        <color indexed="64"/>
      </left>
      <right/>
      <top style="hair">
        <color indexed="64"/>
      </top>
      <bottom/>
      <diagonal/>
    </border>
  </borders>
  <cellStyleXfs count="2">
    <xf numFmtId="0" fontId="0" fillId="0" borderId="0">
      <alignment vertical="center"/>
    </xf>
    <xf numFmtId="0" fontId="10" fillId="0" borderId="0" applyNumberFormat="0" applyFill="0" applyBorder="0" applyAlignment="0" applyProtection="0">
      <alignment vertical="center"/>
    </xf>
  </cellStyleXfs>
  <cellXfs count="464">
    <xf numFmtId="0" fontId="0" fillId="0" borderId="0" xfId="0">
      <alignment vertical="center"/>
    </xf>
    <xf numFmtId="0" fontId="4" fillId="2" borderId="1" xfId="0" applyFont="1" applyFill="1" applyBorder="1" applyAlignment="1">
      <alignment vertical="center" wrapText="1"/>
    </xf>
    <xf numFmtId="0" fontId="4" fillId="2" borderId="0" xfId="0" applyFont="1" applyFill="1">
      <alignment vertical="center"/>
    </xf>
    <xf numFmtId="0" fontId="4" fillId="2" borderId="0" xfId="0" applyFont="1" applyFill="1" applyAlignment="1">
      <alignment vertical="center" wrapText="1"/>
    </xf>
    <xf numFmtId="0" fontId="4" fillId="2" borderId="2" xfId="0" applyFont="1" applyFill="1" applyBorder="1" applyAlignment="1">
      <alignment vertical="center" wrapText="1"/>
    </xf>
    <xf numFmtId="0" fontId="4" fillId="2" borderId="3" xfId="0" applyFont="1" applyFill="1" applyBorder="1" applyAlignment="1">
      <alignment vertical="center" wrapText="1"/>
    </xf>
    <xf numFmtId="0" fontId="4" fillId="2" borderId="4" xfId="0" applyFont="1" applyFill="1" applyBorder="1" applyAlignment="1">
      <alignment vertical="center" wrapText="1"/>
    </xf>
    <xf numFmtId="0" fontId="2" fillId="2" borderId="0" xfId="0" applyFont="1" applyFill="1">
      <alignment vertical="center"/>
    </xf>
    <xf numFmtId="0" fontId="2" fillId="2" borderId="19" xfId="0" applyFont="1" applyFill="1" applyBorder="1">
      <alignment vertical="center"/>
    </xf>
    <xf numFmtId="0" fontId="2" fillId="2" borderId="22" xfId="0" applyFont="1" applyFill="1" applyBorder="1">
      <alignment vertical="center"/>
    </xf>
    <xf numFmtId="0" fontId="5" fillId="2" borderId="43" xfId="0" applyFont="1" applyFill="1" applyBorder="1" applyAlignment="1">
      <alignment horizontal="left" vertical="center"/>
    </xf>
    <xf numFmtId="0" fontId="5" fillId="2" borderId="28" xfId="0" applyFont="1" applyFill="1" applyBorder="1" applyAlignment="1">
      <alignment horizontal="left" vertical="center"/>
    </xf>
    <xf numFmtId="0" fontId="4" fillId="2" borderId="30" xfId="0" applyFont="1" applyFill="1" applyBorder="1">
      <alignment vertical="center"/>
    </xf>
    <xf numFmtId="0" fontId="4" fillId="2" borderId="32" xfId="0" applyFont="1" applyFill="1" applyBorder="1">
      <alignment vertical="center"/>
    </xf>
    <xf numFmtId="0" fontId="4" fillId="2" borderId="31" xfId="0" applyFont="1" applyFill="1" applyBorder="1">
      <alignment vertical="center"/>
    </xf>
    <xf numFmtId="0" fontId="4" fillId="2" borderId="42" xfId="0" applyFont="1" applyFill="1" applyBorder="1">
      <alignment vertical="center"/>
    </xf>
    <xf numFmtId="0" fontId="2" fillId="2" borderId="0" xfId="0" applyFont="1" applyFill="1" applyAlignment="1">
      <alignment vertical="center" wrapText="1"/>
    </xf>
    <xf numFmtId="0" fontId="3" fillId="2" borderId="53" xfId="0" applyFont="1" applyFill="1" applyBorder="1">
      <alignment vertical="center"/>
    </xf>
    <xf numFmtId="0" fontId="3" fillId="2" borderId="47" xfId="0" applyFont="1" applyFill="1" applyBorder="1">
      <alignment vertical="center"/>
    </xf>
    <xf numFmtId="0" fontId="2" fillId="2" borderId="0" xfId="0" applyFont="1" applyFill="1" applyAlignment="1">
      <alignment horizontal="center" vertical="center" wrapText="1"/>
    </xf>
    <xf numFmtId="0" fontId="2" fillId="2" borderId="35" xfId="0" applyFont="1" applyFill="1" applyBorder="1" applyAlignment="1">
      <alignment horizontal="center" vertical="center" wrapText="1"/>
    </xf>
    <xf numFmtId="0" fontId="2" fillId="2" borderId="36" xfId="0" applyFont="1" applyFill="1" applyBorder="1" applyAlignment="1">
      <alignment horizontal="center" vertical="center" wrapText="1"/>
    </xf>
    <xf numFmtId="0" fontId="2" fillId="2" borderId="0" xfId="0" applyFont="1" applyFill="1" applyAlignment="1">
      <alignment horizontal="center" vertical="center"/>
    </xf>
    <xf numFmtId="0" fontId="2" fillId="2" borderId="44" xfId="0" applyFont="1" applyFill="1" applyBorder="1" applyAlignment="1">
      <alignment horizontal="center" vertical="center" wrapText="1"/>
    </xf>
    <xf numFmtId="0" fontId="2" fillId="2" borderId="45" xfId="0" applyFont="1" applyFill="1" applyBorder="1" applyAlignment="1">
      <alignment horizontal="center" vertical="center" wrapText="1"/>
    </xf>
    <xf numFmtId="0" fontId="2" fillId="2" borderId="43" xfId="0" applyFont="1" applyFill="1" applyBorder="1" applyAlignment="1">
      <alignment horizontal="center" vertical="center" wrapText="1"/>
    </xf>
    <xf numFmtId="0" fontId="2" fillId="2" borderId="29" xfId="0" applyFont="1" applyFill="1" applyBorder="1" applyAlignment="1">
      <alignment horizontal="center" vertical="center" wrapText="1"/>
    </xf>
    <xf numFmtId="0" fontId="2" fillId="2" borderId="28" xfId="0" applyFont="1" applyFill="1" applyBorder="1" applyAlignment="1">
      <alignment horizontal="center" vertical="center" wrapText="1"/>
    </xf>
    <xf numFmtId="0" fontId="2" fillId="2" borderId="23" xfId="0" applyFont="1" applyFill="1" applyBorder="1">
      <alignment vertical="center"/>
    </xf>
    <xf numFmtId="0" fontId="2" fillId="2" borderId="14" xfId="0" applyFont="1" applyFill="1" applyBorder="1">
      <alignment vertical="center"/>
    </xf>
    <xf numFmtId="0" fontId="2" fillId="2" borderId="24" xfId="0" applyFont="1" applyFill="1" applyBorder="1">
      <alignment vertical="center"/>
    </xf>
    <xf numFmtId="0" fontId="2" fillId="2" borderId="28" xfId="0" applyFont="1" applyFill="1" applyBorder="1">
      <alignment vertical="center"/>
    </xf>
    <xf numFmtId="0" fontId="2" fillId="2" borderId="29" xfId="0" applyFont="1" applyFill="1" applyBorder="1">
      <alignment vertical="center"/>
    </xf>
    <xf numFmtId="0" fontId="2" fillId="2" borderId="25" xfId="0" applyFont="1" applyFill="1" applyBorder="1">
      <alignment vertical="center"/>
    </xf>
    <xf numFmtId="0" fontId="2" fillId="2" borderId="26" xfId="0" applyFont="1" applyFill="1" applyBorder="1">
      <alignment vertical="center"/>
    </xf>
    <xf numFmtId="0" fontId="2" fillId="2" borderId="27" xfId="0" applyFont="1" applyFill="1" applyBorder="1">
      <alignment vertical="center"/>
    </xf>
    <xf numFmtId="0" fontId="2" fillId="2" borderId="44" xfId="0" applyFont="1" applyFill="1" applyBorder="1">
      <alignment vertical="center"/>
    </xf>
    <xf numFmtId="0" fontId="2" fillId="2" borderId="45" xfId="0" applyFont="1" applyFill="1" applyBorder="1">
      <alignment vertical="center"/>
    </xf>
    <xf numFmtId="0" fontId="2" fillId="2" borderId="43" xfId="0" applyFont="1" applyFill="1" applyBorder="1">
      <alignment vertical="center"/>
    </xf>
    <xf numFmtId="0" fontId="4" fillId="2" borderId="42" xfId="0" applyFont="1" applyFill="1" applyBorder="1" applyAlignment="1">
      <alignment horizontal="center" vertical="center" wrapText="1"/>
    </xf>
    <xf numFmtId="0" fontId="4" fillId="2" borderId="32" xfId="0" applyFont="1" applyFill="1" applyBorder="1" applyAlignment="1">
      <alignment horizontal="center" vertical="center" wrapText="1"/>
    </xf>
    <xf numFmtId="0" fontId="4" fillId="2" borderId="31" xfId="0" applyFont="1" applyFill="1" applyBorder="1" applyAlignment="1">
      <alignment horizontal="center" vertical="center" wrapText="1"/>
    </xf>
    <xf numFmtId="0" fontId="3" fillId="2" borderId="0" xfId="0" applyFont="1" applyFill="1">
      <alignment vertical="center"/>
    </xf>
    <xf numFmtId="0" fontId="3" fillId="2" borderId="28" xfId="0" applyFont="1" applyFill="1" applyBorder="1" applyAlignment="1">
      <alignment horizontal="left" vertical="center"/>
    </xf>
    <xf numFmtId="0" fontId="3" fillId="2" borderId="0" xfId="0" applyFont="1" applyFill="1" applyAlignment="1">
      <alignment horizontal="center" vertical="center" wrapText="1"/>
    </xf>
    <xf numFmtId="0" fontId="3" fillId="2" borderId="28" xfId="0" applyFont="1" applyFill="1" applyBorder="1" applyAlignment="1">
      <alignment horizontal="center" vertical="center" wrapText="1"/>
    </xf>
    <xf numFmtId="0" fontId="3" fillId="2" borderId="0" xfId="0" applyFont="1" applyFill="1" applyAlignment="1">
      <alignment horizontal="left" vertical="center"/>
    </xf>
    <xf numFmtId="0" fontId="3" fillId="2" borderId="25" xfId="0" applyFont="1" applyFill="1" applyBorder="1" applyAlignment="1">
      <alignment horizontal="center" vertical="center" wrapText="1"/>
    </xf>
    <xf numFmtId="0" fontId="3" fillId="2" borderId="26" xfId="0" applyFont="1" applyFill="1" applyBorder="1" applyAlignment="1">
      <alignment horizontal="center" vertical="center" wrapText="1"/>
    </xf>
    <xf numFmtId="0" fontId="3" fillId="2" borderId="23" xfId="0" applyFont="1" applyFill="1" applyBorder="1">
      <alignment vertical="center"/>
    </xf>
    <xf numFmtId="0" fontId="3" fillId="2" borderId="14" xfId="0" applyFont="1" applyFill="1" applyBorder="1">
      <alignment vertical="center"/>
    </xf>
    <xf numFmtId="0" fontId="3" fillId="2" borderId="28" xfId="0" applyFont="1" applyFill="1" applyBorder="1">
      <alignment vertical="center"/>
    </xf>
    <xf numFmtId="0" fontId="3" fillId="2" borderId="17" xfId="0" applyFont="1" applyFill="1" applyBorder="1" applyAlignment="1">
      <alignment vertical="center" wrapText="1"/>
    </xf>
    <xf numFmtId="0" fontId="3" fillId="2" borderId="13" xfId="0" applyFont="1" applyFill="1" applyBorder="1">
      <alignment vertical="center"/>
    </xf>
    <xf numFmtId="0" fontId="3" fillId="2" borderId="5" xfId="0" applyFont="1" applyFill="1" applyBorder="1">
      <alignment vertical="center"/>
    </xf>
    <xf numFmtId="176" fontId="3" fillId="2" borderId="21" xfId="0" applyNumberFormat="1" applyFont="1" applyFill="1" applyBorder="1">
      <alignment vertical="center"/>
    </xf>
    <xf numFmtId="0" fontId="3" fillId="2" borderId="10" xfId="0" applyFont="1" applyFill="1" applyBorder="1">
      <alignment vertical="center"/>
    </xf>
    <xf numFmtId="0" fontId="3" fillId="2" borderId="7" xfId="0" applyFont="1" applyFill="1" applyBorder="1">
      <alignment vertical="center"/>
    </xf>
    <xf numFmtId="176" fontId="3" fillId="2" borderId="22" xfId="0" applyNumberFormat="1" applyFont="1" applyFill="1" applyBorder="1">
      <alignment vertical="center"/>
    </xf>
    <xf numFmtId="176" fontId="3" fillId="2" borderId="20" xfId="0" applyNumberFormat="1" applyFont="1" applyFill="1" applyBorder="1">
      <alignment vertical="center"/>
    </xf>
    <xf numFmtId="56" fontId="3" fillId="2" borderId="28" xfId="0" applyNumberFormat="1" applyFont="1" applyFill="1" applyBorder="1">
      <alignment vertical="center"/>
    </xf>
    <xf numFmtId="0" fontId="3" fillId="2" borderId="25" xfId="0" applyFont="1" applyFill="1" applyBorder="1">
      <alignment vertical="center"/>
    </xf>
    <xf numFmtId="0" fontId="3" fillId="2" borderId="26" xfId="0" applyFont="1" applyFill="1" applyBorder="1">
      <alignment vertical="center"/>
    </xf>
    <xf numFmtId="0" fontId="8" fillId="2" borderId="43" xfId="0" applyFont="1" applyFill="1" applyBorder="1">
      <alignment vertical="center"/>
    </xf>
    <xf numFmtId="0" fontId="3" fillId="2" borderId="44" xfId="0" applyFont="1" applyFill="1" applyBorder="1">
      <alignment vertical="center"/>
    </xf>
    <xf numFmtId="0" fontId="3" fillId="2" borderId="38" xfId="0" applyFont="1" applyFill="1" applyBorder="1">
      <alignment vertical="center"/>
    </xf>
    <xf numFmtId="0" fontId="3" fillId="2" borderId="0" xfId="0" applyFont="1" applyFill="1" applyAlignment="1">
      <alignment vertical="center" wrapText="1"/>
    </xf>
    <xf numFmtId="177" fontId="3" fillId="2" borderId="0" xfId="0" applyNumberFormat="1" applyFont="1" applyFill="1">
      <alignment vertical="center"/>
    </xf>
    <xf numFmtId="0" fontId="9" fillId="2" borderId="0" xfId="0" applyFont="1" applyFill="1" applyAlignment="1">
      <alignment horizontal="center" vertical="center"/>
    </xf>
    <xf numFmtId="0" fontId="9" fillId="2" borderId="44" xfId="0" applyFont="1" applyFill="1" applyBorder="1" applyAlignment="1">
      <alignment horizontal="center" vertical="center" wrapText="1"/>
    </xf>
    <xf numFmtId="0" fontId="9" fillId="2" borderId="39" xfId="0" applyFont="1" applyFill="1" applyBorder="1" applyAlignment="1">
      <alignment horizontal="center" vertical="center" wrapText="1"/>
    </xf>
    <xf numFmtId="0" fontId="9" fillId="2" borderId="0" xfId="0" applyFont="1" applyFill="1" applyAlignment="1">
      <alignment horizontal="center" vertical="center" wrapText="1"/>
    </xf>
    <xf numFmtId="0" fontId="9" fillId="2" borderId="34" xfId="0" applyFont="1" applyFill="1" applyBorder="1" applyAlignment="1">
      <alignment horizontal="center" vertical="center" wrapText="1"/>
    </xf>
    <xf numFmtId="0" fontId="9" fillId="2" borderId="34" xfId="0" applyFont="1" applyFill="1" applyBorder="1" applyAlignment="1">
      <alignment horizontal="center" vertical="center"/>
    </xf>
    <xf numFmtId="0" fontId="9" fillId="2" borderId="26" xfId="0" applyFont="1" applyFill="1" applyBorder="1" applyAlignment="1">
      <alignment horizontal="center" vertical="center" wrapText="1"/>
    </xf>
    <xf numFmtId="0" fontId="9" fillId="2" borderId="33" xfId="0" applyFont="1" applyFill="1" applyBorder="1" applyAlignment="1">
      <alignment horizontal="center" vertical="center" wrapText="1"/>
    </xf>
    <xf numFmtId="0" fontId="9" fillId="2" borderId="14" xfId="0" applyFont="1" applyFill="1" applyBorder="1" applyAlignment="1">
      <alignment horizontal="center" vertical="center"/>
    </xf>
    <xf numFmtId="0" fontId="9" fillId="2" borderId="37" xfId="0" applyFont="1" applyFill="1" applyBorder="1" applyAlignment="1">
      <alignment horizontal="center" vertical="center"/>
    </xf>
    <xf numFmtId="0" fontId="9" fillId="2" borderId="26" xfId="0" applyFont="1" applyFill="1" applyBorder="1" applyAlignment="1">
      <alignment horizontal="center" vertical="center"/>
    </xf>
    <xf numFmtId="0" fontId="9" fillId="2" borderId="33" xfId="0" applyFont="1" applyFill="1" applyBorder="1" applyAlignment="1">
      <alignment horizontal="center" vertical="center"/>
    </xf>
    <xf numFmtId="0" fontId="9" fillId="2" borderId="44" xfId="0" applyFont="1" applyFill="1" applyBorder="1" applyAlignment="1">
      <alignment horizontal="center" vertical="center"/>
    </xf>
    <xf numFmtId="0" fontId="9" fillId="2" borderId="39" xfId="0" applyFont="1" applyFill="1" applyBorder="1" applyAlignment="1">
      <alignment horizontal="center" vertical="center"/>
    </xf>
    <xf numFmtId="0" fontId="9" fillId="2" borderId="50" xfId="0" applyFont="1" applyFill="1" applyBorder="1" applyAlignment="1">
      <alignment horizontal="center" vertical="center"/>
    </xf>
    <xf numFmtId="0" fontId="9" fillId="2" borderId="51" xfId="0" applyFont="1" applyFill="1" applyBorder="1" applyAlignment="1">
      <alignment horizontal="center" vertical="center"/>
    </xf>
    <xf numFmtId="0" fontId="9" fillId="2" borderId="52" xfId="0" applyFont="1" applyFill="1" applyBorder="1" applyAlignment="1">
      <alignment horizontal="center" vertical="center"/>
    </xf>
    <xf numFmtId="0" fontId="3" fillId="2" borderId="12" xfId="0" applyFont="1" applyFill="1" applyBorder="1" applyAlignment="1">
      <alignment horizontal="center" vertical="center" wrapText="1"/>
    </xf>
    <xf numFmtId="0" fontId="3" fillId="2" borderId="16" xfId="0" applyFont="1" applyFill="1" applyBorder="1" applyAlignment="1">
      <alignment horizontal="center" vertical="center" wrapText="1"/>
    </xf>
    <xf numFmtId="0" fontId="2" fillId="2" borderId="25" xfId="0" applyFont="1" applyFill="1" applyBorder="1" applyAlignment="1">
      <alignment horizontal="center" vertical="center" wrapText="1"/>
    </xf>
    <xf numFmtId="0" fontId="2" fillId="2" borderId="26" xfId="0" applyFont="1" applyFill="1" applyBorder="1" applyAlignment="1">
      <alignment horizontal="center" vertical="center" wrapText="1"/>
    </xf>
    <xf numFmtId="0" fontId="2" fillId="2" borderId="27" xfId="0" applyFont="1" applyFill="1" applyBorder="1" applyAlignment="1">
      <alignment horizontal="center" vertical="center" wrapText="1"/>
    </xf>
    <xf numFmtId="0" fontId="9" fillId="2" borderId="0" xfId="0" applyFont="1" applyFill="1" applyAlignment="1" applyProtection="1">
      <alignment horizontal="center" vertical="center"/>
      <protection locked="0"/>
    </xf>
    <xf numFmtId="0" fontId="9" fillId="2" borderId="34" xfId="0" applyFont="1" applyFill="1" applyBorder="1" applyAlignment="1" applyProtection="1">
      <alignment horizontal="center" vertical="center"/>
      <protection locked="0"/>
    </xf>
    <xf numFmtId="0" fontId="9" fillId="2" borderId="51" xfId="0" applyFont="1" applyFill="1" applyBorder="1" applyAlignment="1" applyProtection="1">
      <alignment horizontal="center" vertical="center"/>
      <protection locked="0"/>
    </xf>
    <xf numFmtId="0" fontId="3" fillId="2" borderId="1" xfId="0" applyFont="1" applyFill="1" applyBorder="1" applyAlignment="1">
      <alignment horizontal="center" vertical="center"/>
    </xf>
    <xf numFmtId="0" fontId="9" fillId="3" borderId="2" xfId="0" applyFont="1" applyFill="1" applyBorder="1" applyAlignment="1" applyProtection="1">
      <alignment horizontal="center" vertical="center"/>
      <protection locked="0"/>
    </xf>
    <xf numFmtId="0" fontId="3" fillId="2" borderId="50" xfId="0" applyFont="1" applyFill="1" applyBorder="1">
      <alignment vertical="center"/>
    </xf>
    <xf numFmtId="0" fontId="3" fillId="2" borderId="12" xfId="0" applyFont="1" applyFill="1" applyBorder="1">
      <alignment vertical="center"/>
    </xf>
    <xf numFmtId="0" fontId="3" fillId="2" borderId="36" xfId="0" applyFont="1" applyFill="1" applyBorder="1">
      <alignment vertical="center"/>
    </xf>
    <xf numFmtId="0" fontId="9" fillId="3" borderId="58" xfId="0" applyFont="1" applyFill="1" applyBorder="1" applyAlignment="1" applyProtection="1">
      <alignment horizontal="center" vertical="center"/>
      <protection locked="0"/>
    </xf>
    <xf numFmtId="0" fontId="9" fillId="3" borderId="3" xfId="0" applyFont="1" applyFill="1" applyBorder="1" applyAlignment="1" applyProtection="1">
      <alignment horizontal="center" vertical="center"/>
      <protection locked="0"/>
    </xf>
    <xf numFmtId="0" fontId="3" fillId="2" borderId="59" xfId="0" applyFont="1" applyFill="1" applyBorder="1">
      <alignment vertical="center"/>
    </xf>
    <xf numFmtId="0" fontId="3" fillId="2" borderId="60" xfId="0" applyFont="1" applyFill="1" applyBorder="1" applyAlignment="1">
      <alignment horizontal="center" vertical="center"/>
    </xf>
    <xf numFmtId="0" fontId="3" fillId="2" borderId="61" xfId="0" applyFont="1" applyFill="1" applyBorder="1" applyAlignment="1">
      <alignment horizontal="center" vertical="center"/>
    </xf>
    <xf numFmtId="0" fontId="3" fillId="2" borderId="39" xfId="0" applyFont="1" applyFill="1" applyBorder="1" applyAlignment="1">
      <alignment horizontal="center" vertical="center"/>
    </xf>
    <xf numFmtId="0" fontId="3" fillId="2" borderId="43" xfId="0" applyFont="1" applyFill="1" applyBorder="1">
      <alignment vertical="center"/>
    </xf>
    <xf numFmtId="0" fontId="9" fillId="3" borderId="51" xfId="0" applyFont="1" applyFill="1" applyBorder="1" applyAlignment="1" applyProtection="1">
      <alignment horizontal="center" vertical="center"/>
      <protection locked="0"/>
    </xf>
    <xf numFmtId="0" fontId="9" fillId="3" borderId="62" xfId="0" applyFont="1" applyFill="1" applyBorder="1" applyAlignment="1" applyProtection="1">
      <alignment horizontal="center" vertical="center"/>
      <protection locked="0"/>
    </xf>
    <xf numFmtId="0" fontId="9" fillId="3" borderId="11" xfId="0" applyFont="1" applyFill="1" applyBorder="1" applyAlignment="1" applyProtection="1">
      <alignment horizontal="center" vertical="center"/>
      <protection locked="0"/>
    </xf>
    <xf numFmtId="0" fontId="2" fillId="2" borderId="21" xfId="0" applyFont="1" applyFill="1" applyBorder="1">
      <alignment vertical="center"/>
    </xf>
    <xf numFmtId="0" fontId="4" fillId="2" borderId="9" xfId="0" applyFont="1" applyFill="1" applyBorder="1" applyAlignment="1">
      <alignment horizontal="center" vertical="center"/>
    </xf>
    <xf numFmtId="0" fontId="3" fillId="3" borderId="21" xfId="0" applyFont="1" applyFill="1" applyBorder="1" applyProtection="1">
      <alignment vertical="center"/>
      <protection locked="0"/>
    </xf>
    <xf numFmtId="0" fontId="3" fillId="3" borderId="6" xfId="0" applyFont="1" applyFill="1" applyBorder="1" applyProtection="1">
      <alignment vertical="center"/>
      <protection locked="0"/>
    </xf>
    <xf numFmtId="0" fontId="3" fillId="3" borderId="4" xfId="0" applyFont="1" applyFill="1" applyBorder="1" applyProtection="1">
      <alignment vertical="center"/>
      <protection locked="0"/>
    </xf>
    <xf numFmtId="0" fontId="3" fillId="3" borderId="5" xfId="0" applyFont="1" applyFill="1" applyBorder="1" applyProtection="1">
      <alignment vertical="center"/>
      <protection locked="0"/>
    </xf>
    <xf numFmtId="0" fontId="3" fillId="3" borderId="22" xfId="0" applyFont="1" applyFill="1" applyBorder="1" applyProtection="1">
      <alignment vertical="center"/>
      <protection locked="0"/>
    </xf>
    <xf numFmtId="0" fontId="3" fillId="3" borderId="8" xfId="0" applyFont="1" applyFill="1" applyBorder="1" applyProtection="1">
      <alignment vertical="center"/>
      <protection locked="0"/>
    </xf>
    <xf numFmtId="0" fontId="3" fillId="3" borderId="1" xfId="0" applyFont="1" applyFill="1" applyBorder="1" applyProtection="1">
      <alignment vertical="center"/>
      <protection locked="0"/>
    </xf>
    <xf numFmtId="0" fontId="3" fillId="3" borderId="7" xfId="0" applyFont="1" applyFill="1" applyBorder="1" applyProtection="1">
      <alignment vertical="center"/>
      <protection locked="0"/>
    </xf>
    <xf numFmtId="0" fontId="3" fillId="3" borderId="20" xfId="0" applyFont="1" applyFill="1" applyBorder="1" applyProtection="1">
      <alignment vertical="center"/>
      <protection locked="0"/>
    </xf>
    <xf numFmtId="0" fontId="3" fillId="3" borderId="18" xfId="0" applyFont="1" applyFill="1" applyBorder="1" applyProtection="1">
      <alignment vertical="center"/>
      <protection locked="0"/>
    </xf>
    <xf numFmtId="0" fontId="3" fillId="3" borderId="12" xfId="0" applyFont="1" applyFill="1" applyBorder="1" applyProtection="1">
      <alignment vertical="center"/>
      <protection locked="0"/>
    </xf>
    <xf numFmtId="0" fontId="3" fillId="3" borderId="16" xfId="0" applyFont="1" applyFill="1" applyBorder="1" applyProtection="1">
      <alignment vertical="center"/>
      <protection locked="0"/>
    </xf>
    <xf numFmtId="0" fontId="3" fillId="3" borderId="35" xfId="0" applyFont="1" applyFill="1" applyBorder="1" applyAlignment="1" applyProtection="1">
      <alignment vertical="center" shrinkToFit="1"/>
      <protection locked="0"/>
    </xf>
    <xf numFmtId="177" fontId="3" fillId="3" borderId="10" xfId="0" applyNumberFormat="1" applyFont="1" applyFill="1" applyBorder="1" applyAlignment="1" applyProtection="1">
      <alignment horizontal="left" vertical="center"/>
      <protection locked="0"/>
    </xf>
    <xf numFmtId="177" fontId="3" fillId="3" borderId="11" xfId="0" applyNumberFormat="1" applyFont="1" applyFill="1" applyBorder="1" applyAlignment="1" applyProtection="1">
      <alignment horizontal="left" vertical="center"/>
      <protection locked="0"/>
    </xf>
    <xf numFmtId="0" fontId="4" fillId="2" borderId="1" xfId="0" applyFont="1" applyFill="1" applyBorder="1" applyAlignment="1">
      <alignment horizontal="center" vertical="center"/>
    </xf>
    <xf numFmtId="0" fontId="4" fillId="2" borderId="0" xfId="0" applyFont="1" applyFill="1" applyAlignment="1">
      <alignment horizontal="center" vertical="center"/>
    </xf>
    <xf numFmtId="0" fontId="4" fillId="2" borderId="0" xfId="0" applyFont="1" applyFill="1" applyAlignment="1">
      <alignment horizontal="left" vertical="center"/>
    </xf>
    <xf numFmtId="0" fontId="4" fillId="2" borderId="64" xfId="0" applyFont="1" applyFill="1" applyBorder="1" applyAlignment="1">
      <alignment horizontal="left" vertical="center"/>
    </xf>
    <xf numFmtId="0" fontId="4" fillId="2" borderId="56" xfId="0" applyFont="1" applyFill="1" applyBorder="1" applyAlignment="1">
      <alignment horizontal="left" vertical="center"/>
    </xf>
    <xf numFmtId="0" fontId="4" fillId="2" borderId="56" xfId="0" applyFont="1" applyFill="1" applyBorder="1" applyAlignment="1">
      <alignment horizontal="center" vertical="center"/>
    </xf>
    <xf numFmtId="0" fontId="4" fillId="2" borderId="68" xfId="0" applyFont="1" applyFill="1" applyBorder="1" applyAlignment="1">
      <alignment horizontal="center" vertical="center"/>
    </xf>
    <xf numFmtId="0" fontId="4" fillId="2" borderId="65" xfId="0" applyFont="1" applyFill="1" applyBorder="1" applyAlignment="1">
      <alignment horizontal="center" vertical="center"/>
    </xf>
    <xf numFmtId="0" fontId="4" fillId="2" borderId="69" xfId="0" applyFont="1" applyFill="1" applyBorder="1" applyAlignment="1">
      <alignment horizontal="center" vertical="center"/>
    </xf>
    <xf numFmtId="0" fontId="4" fillId="2" borderId="70" xfId="0" applyFont="1" applyFill="1" applyBorder="1" applyAlignment="1">
      <alignment horizontal="left" vertical="center" wrapText="1"/>
    </xf>
    <xf numFmtId="0" fontId="4" fillId="2" borderId="1" xfId="0" applyFont="1" applyFill="1" applyBorder="1" applyAlignment="1">
      <alignment horizontal="center" vertical="center" textRotation="255"/>
    </xf>
    <xf numFmtId="0" fontId="4" fillId="2" borderId="1" xfId="0" applyFont="1" applyFill="1" applyBorder="1" applyAlignment="1">
      <alignment horizontal="center" vertical="center" textRotation="255" wrapText="1"/>
    </xf>
    <xf numFmtId="0" fontId="4" fillId="2" borderId="4" xfId="0" applyFont="1" applyFill="1" applyBorder="1" applyAlignment="1">
      <alignment horizontal="center" vertical="center"/>
    </xf>
    <xf numFmtId="0" fontId="4" fillId="2" borderId="5" xfId="0" applyFont="1" applyFill="1" applyBorder="1" applyAlignment="1">
      <alignment horizontal="center" vertical="center"/>
    </xf>
    <xf numFmtId="0" fontId="4" fillId="2" borderId="63" xfId="0" applyFont="1" applyFill="1" applyBorder="1" applyAlignment="1">
      <alignment horizontal="center" vertical="center"/>
    </xf>
    <xf numFmtId="0" fontId="4" fillId="2" borderId="6" xfId="0" applyFont="1" applyFill="1" applyBorder="1" applyAlignment="1">
      <alignment horizontal="center" vertical="center"/>
    </xf>
    <xf numFmtId="0" fontId="4" fillId="2" borderId="0" xfId="0" applyFont="1" applyFill="1" applyAlignment="1">
      <alignment horizontal="right" vertical="center"/>
    </xf>
    <xf numFmtId="0" fontId="4" fillId="2" borderId="65" xfId="0" applyFont="1" applyFill="1" applyBorder="1" applyAlignment="1">
      <alignment horizontal="right" vertical="center"/>
    </xf>
    <xf numFmtId="0" fontId="4" fillId="2" borderId="2" xfId="0" applyFont="1" applyFill="1" applyBorder="1" applyAlignment="1">
      <alignment horizontal="right" vertical="center"/>
    </xf>
    <xf numFmtId="0" fontId="4" fillId="2" borderId="69" xfId="0" applyFont="1" applyFill="1" applyBorder="1" applyAlignment="1">
      <alignment horizontal="right" vertical="center"/>
    </xf>
    <xf numFmtId="0" fontId="4" fillId="2" borderId="63" xfId="0" applyFont="1" applyFill="1" applyBorder="1">
      <alignment vertical="center"/>
    </xf>
    <xf numFmtId="0" fontId="4" fillId="2" borderId="0" xfId="0" applyFont="1" applyFill="1" applyAlignment="1">
      <alignment horizontal="left" vertical="top"/>
    </xf>
    <xf numFmtId="0" fontId="5" fillId="2" borderId="0" xfId="0" applyFont="1" applyFill="1" applyAlignment="1">
      <alignment horizontal="left" vertical="center"/>
    </xf>
    <xf numFmtId="0" fontId="3" fillId="2" borderId="0" xfId="0" applyFont="1" applyFill="1" applyAlignment="1">
      <alignment horizontal="center" vertical="center"/>
    </xf>
    <xf numFmtId="177" fontId="3" fillId="2" borderId="0" xfId="0" applyNumberFormat="1" applyFont="1" applyFill="1" applyAlignment="1">
      <alignment horizontal="center" vertical="center"/>
    </xf>
    <xf numFmtId="0" fontId="5" fillId="2" borderId="0" xfId="0" applyFont="1" applyFill="1" applyAlignment="1">
      <alignment horizontal="center" vertical="center"/>
    </xf>
    <xf numFmtId="0" fontId="8" fillId="2" borderId="0" xfId="0" applyFont="1" applyFill="1" applyAlignment="1">
      <alignment horizontal="left" vertical="center"/>
    </xf>
    <xf numFmtId="0" fontId="3" fillId="2" borderId="23" xfId="0" applyFont="1" applyFill="1" applyBorder="1" applyAlignment="1">
      <alignment horizontal="center" vertical="center"/>
    </xf>
    <xf numFmtId="0" fontId="3" fillId="2" borderId="50" xfId="0" applyFont="1" applyFill="1" applyBorder="1" applyAlignment="1">
      <alignment horizontal="center" vertical="center"/>
    </xf>
    <xf numFmtId="0" fontId="3" fillId="2" borderId="71" xfId="0" applyFont="1" applyFill="1" applyBorder="1" applyAlignment="1">
      <alignment horizontal="center" vertical="center"/>
    </xf>
    <xf numFmtId="177" fontId="3" fillId="2" borderId="57" xfId="0" applyNumberFormat="1" applyFont="1" applyFill="1" applyBorder="1" applyAlignment="1">
      <alignment horizontal="center" vertical="center"/>
    </xf>
    <xf numFmtId="0" fontId="3" fillId="2" borderId="30" xfId="0" applyFont="1" applyFill="1" applyBorder="1" applyAlignment="1">
      <alignment horizontal="center" vertical="center"/>
    </xf>
    <xf numFmtId="0" fontId="3" fillId="2" borderId="72" xfId="0" applyFont="1" applyFill="1" applyBorder="1" applyAlignment="1">
      <alignment horizontal="center" vertical="center"/>
    </xf>
    <xf numFmtId="177" fontId="3" fillId="2" borderId="37" xfId="0" applyNumberFormat="1" applyFont="1" applyFill="1" applyBorder="1" applyAlignment="1">
      <alignment horizontal="center" vertical="center"/>
    </xf>
    <xf numFmtId="0" fontId="3" fillId="2" borderId="73" xfId="0" applyFont="1" applyFill="1" applyBorder="1" applyAlignment="1">
      <alignment horizontal="center" vertical="center"/>
    </xf>
    <xf numFmtId="0" fontId="3" fillId="4" borderId="9" xfId="0" applyFont="1" applyFill="1" applyBorder="1" applyProtection="1">
      <alignment vertical="center"/>
      <protection locked="0"/>
    </xf>
    <xf numFmtId="0" fontId="3" fillId="4" borderId="46" xfId="0" applyFont="1" applyFill="1" applyBorder="1" applyAlignment="1" applyProtection="1">
      <alignment horizontal="center" vertical="center"/>
      <protection locked="0"/>
    </xf>
    <xf numFmtId="177" fontId="3" fillId="4" borderId="15" xfId="0" applyNumberFormat="1" applyFont="1" applyFill="1" applyBorder="1" applyAlignment="1" applyProtection="1">
      <alignment horizontal="center" vertical="center"/>
      <protection locked="0"/>
    </xf>
    <xf numFmtId="0" fontId="3" fillId="2" borderId="19" xfId="0" applyFont="1" applyFill="1" applyBorder="1" applyAlignment="1">
      <alignment horizontal="center" vertical="center"/>
    </xf>
    <xf numFmtId="0" fontId="3" fillId="4" borderId="41" xfId="0" applyFont="1" applyFill="1" applyBorder="1" applyProtection="1">
      <alignment vertical="center"/>
      <protection locked="0"/>
    </xf>
    <xf numFmtId="177" fontId="3" fillId="4" borderId="40" xfId="0" applyNumberFormat="1" applyFont="1" applyFill="1" applyBorder="1" applyAlignment="1" applyProtection="1">
      <alignment horizontal="center" vertical="center"/>
      <protection locked="0"/>
    </xf>
    <xf numFmtId="0" fontId="3" fillId="2" borderId="47" xfId="0" applyFont="1" applyFill="1" applyBorder="1" applyAlignment="1">
      <alignment horizontal="center" vertical="center"/>
    </xf>
    <xf numFmtId="0" fontId="3" fillId="4" borderId="10" xfId="0" applyFont="1" applyFill="1" applyBorder="1" applyProtection="1">
      <alignment vertical="center"/>
      <protection locked="0"/>
    </xf>
    <xf numFmtId="0" fontId="3" fillId="4" borderId="1" xfId="0" applyFont="1" applyFill="1" applyBorder="1" applyAlignment="1" applyProtection="1">
      <alignment horizontal="center" vertical="center"/>
      <protection locked="0"/>
    </xf>
    <xf numFmtId="177" fontId="3" fillId="4" borderId="7" xfId="0" applyNumberFormat="1" applyFont="1" applyFill="1" applyBorder="1" applyAlignment="1" applyProtection="1">
      <alignment horizontal="center" vertical="center"/>
      <protection locked="0"/>
    </xf>
    <xf numFmtId="0" fontId="3" fillId="2" borderId="22" xfId="0" applyFont="1" applyFill="1" applyBorder="1" applyAlignment="1">
      <alignment horizontal="center" vertical="center"/>
    </xf>
    <xf numFmtId="0" fontId="3" fillId="4" borderId="8" xfId="0" applyFont="1" applyFill="1" applyBorder="1" applyProtection="1">
      <alignment vertical="center"/>
      <protection locked="0"/>
    </xf>
    <xf numFmtId="177" fontId="3" fillId="4" borderId="38" xfId="0" applyNumberFormat="1" applyFont="1" applyFill="1" applyBorder="1" applyAlignment="1" applyProtection="1">
      <alignment horizontal="center" vertical="center"/>
      <protection locked="0"/>
    </xf>
    <xf numFmtId="0" fontId="3" fillId="2" borderId="35" xfId="0" applyFont="1" applyFill="1" applyBorder="1" applyAlignment="1">
      <alignment horizontal="center" vertical="center"/>
    </xf>
    <xf numFmtId="0" fontId="3" fillId="4" borderId="11" xfId="0" applyFont="1" applyFill="1" applyBorder="1" applyProtection="1">
      <alignment vertical="center"/>
      <protection locked="0"/>
    </xf>
    <xf numFmtId="0" fontId="3" fillId="4" borderId="12" xfId="0" applyFont="1" applyFill="1" applyBorder="1" applyAlignment="1" applyProtection="1">
      <alignment horizontal="center" vertical="center"/>
      <protection locked="0"/>
    </xf>
    <xf numFmtId="177" fontId="3" fillId="4" borderId="16" xfId="0" applyNumberFormat="1" applyFont="1" applyFill="1" applyBorder="1" applyAlignment="1" applyProtection="1">
      <alignment horizontal="center" vertical="center"/>
      <protection locked="0"/>
    </xf>
    <xf numFmtId="0" fontId="3" fillId="2" borderId="20" xfId="0" applyFont="1" applyFill="1" applyBorder="1" applyAlignment="1">
      <alignment horizontal="center" vertical="center"/>
    </xf>
    <xf numFmtId="0" fontId="3" fillId="4" borderId="18" xfId="0" applyFont="1" applyFill="1" applyBorder="1" applyProtection="1">
      <alignment vertical="center"/>
      <protection locked="0"/>
    </xf>
    <xf numFmtId="177" fontId="3" fillId="4" borderId="36" xfId="0" applyNumberFormat="1" applyFont="1" applyFill="1" applyBorder="1" applyAlignment="1" applyProtection="1">
      <alignment horizontal="center" vertical="center"/>
      <protection locked="0"/>
    </xf>
    <xf numFmtId="0" fontId="5" fillId="2" borderId="0" xfId="0" applyFont="1" applyFill="1">
      <alignment vertical="center"/>
    </xf>
    <xf numFmtId="0" fontId="8" fillId="0" borderId="0" xfId="0" applyFont="1" applyAlignment="1">
      <alignment horizontal="left" vertical="center"/>
    </xf>
    <xf numFmtId="0" fontId="3" fillId="2" borderId="64" xfId="0" applyFont="1" applyFill="1" applyBorder="1" applyAlignment="1">
      <alignment horizontal="center" vertical="center" wrapText="1"/>
    </xf>
    <xf numFmtId="0" fontId="3" fillId="2" borderId="62" xfId="0" applyFont="1" applyFill="1" applyBorder="1" applyAlignment="1">
      <alignment horizontal="center" vertical="center" wrapText="1"/>
    </xf>
    <xf numFmtId="0" fontId="3" fillId="2" borderId="58" xfId="0" applyFont="1" applyFill="1" applyBorder="1" applyAlignment="1">
      <alignment horizontal="center" vertical="center" wrapText="1"/>
    </xf>
    <xf numFmtId="0" fontId="3" fillId="2" borderId="68" xfId="0" applyFont="1" applyFill="1" applyBorder="1" applyAlignment="1">
      <alignment horizontal="center" vertical="center" wrapText="1"/>
    </xf>
    <xf numFmtId="0" fontId="3" fillId="2" borderId="9" xfId="0" applyFont="1" applyFill="1" applyBorder="1" applyAlignment="1">
      <alignment horizontal="right" vertical="center"/>
    </xf>
    <xf numFmtId="178" fontId="3" fillId="2" borderId="15" xfId="0" applyNumberFormat="1" applyFont="1" applyFill="1" applyBorder="1">
      <alignment vertical="center"/>
    </xf>
    <xf numFmtId="178" fontId="3" fillId="3" borderId="9" xfId="0" applyNumberFormat="1" applyFont="1" applyFill="1" applyBorder="1" applyProtection="1">
      <alignment vertical="center"/>
      <protection locked="0"/>
    </xf>
    <xf numFmtId="179" fontId="3" fillId="2" borderId="40" xfId="0" applyNumberFormat="1" applyFont="1" applyFill="1" applyBorder="1">
      <alignment vertical="center"/>
    </xf>
    <xf numFmtId="178" fontId="3" fillId="3" borderId="41" xfId="0" applyNumberFormat="1" applyFont="1" applyFill="1" applyBorder="1" applyProtection="1">
      <alignment vertical="center"/>
      <protection locked="0"/>
    </xf>
    <xf numFmtId="179" fontId="3" fillId="2" borderId="15" xfId="0" applyNumberFormat="1" applyFont="1" applyFill="1" applyBorder="1">
      <alignment vertical="center"/>
    </xf>
    <xf numFmtId="178" fontId="3" fillId="2" borderId="9" xfId="0" applyNumberFormat="1" applyFont="1" applyFill="1" applyBorder="1">
      <alignment vertical="center"/>
    </xf>
    <xf numFmtId="0" fontId="3" fillId="2" borderId="10" xfId="0" applyFont="1" applyFill="1" applyBorder="1" applyAlignment="1">
      <alignment horizontal="right" vertical="center"/>
    </xf>
    <xf numFmtId="178" fontId="3" fillId="2" borderId="7" xfId="0" applyNumberFormat="1" applyFont="1" applyFill="1" applyBorder="1">
      <alignment vertical="center"/>
    </xf>
    <xf numFmtId="178" fontId="3" fillId="3" borderId="10" xfId="0" applyNumberFormat="1" applyFont="1" applyFill="1" applyBorder="1" applyProtection="1">
      <alignment vertical="center"/>
      <protection locked="0"/>
    </xf>
    <xf numFmtId="179" fontId="3" fillId="2" borderId="38" xfId="0" applyNumberFormat="1" applyFont="1" applyFill="1" applyBorder="1">
      <alignment vertical="center"/>
    </xf>
    <xf numFmtId="178" fontId="3" fillId="3" borderId="8" xfId="0" applyNumberFormat="1" applyFont="1" applyFill="1" applyBorder="1" applyProtection="1">
      <alignment vertical="center"/>
      <protection locked="0"/>
    </xf>
    <xf numFmtId="179" fontId="3" fillId="2" borderId="7" xfId="0" applyNumberFormat="1" applyFont="1" applyFill="1" applyBorder="1">
      <alignment vertical="center"/>
    </xf>
    <xf numFmtId="178" fontId="3" fillId="2" borderId="10" xfId="0" applyNumberFormat="1" applyFont="1" applyFill="1" applyBorder="1">
      <alignment vertical="center"/>
    </xf>
    <xf numFmtId="0" fontId="3" fillId="2" borderId="11" xfId="0" applyFont="1" applyFill="1" applyBorder="1" applyAlignment="1">
      <alignment horizontal="right" vertical="center"/>
    </xf>
    <xf numFmtId="178" fontId="3" fillId="2" borderId="16" xfId="0" applyNumberFormat="1" applyFont="1" applyFill="1" applyBorder="1">
      <alignment vertical="center"/>
    </xf>
    <xf numFmtId="178" fontId="3" fillId="3" borderId="11" xfId="0" applyNumberFormat="1" applyFont="1" applyFill="1" applyBorder="1" applyProtection="1">
      <alignment vertical="center"/>
      <protection locked="0"/>
    </xf>
    <xf numFmtId="179" fontId="3" fillId="2" borderId="36" xfId="0" applyNumberFormat="1" applyFont="1" applyFill="1" applyBorder="1">
      <alignment vertical="center"/>
    </xf>
    <xf numFmtId="178" fontId="3" fillId="3" borderId="18" xfId="0" applyNumberFormat="1" applyFont="1" applyFill="1" applyBorder="1" applyProtection="1">
      <alignment vertical="center"/>
      <protection locked="0"/>
    </xf>
    <xf numFmtId="179" fontId="3" fillId="2" borderId="16" xfId="0" applyNumberFormat="1" applyFont="1" applyFill="1" applyBorder="1">
      <alignment vertical="center"/>
    </xf>
    <xf numFmtId="178" fontId="3" fillId="2" borderId="11" xfId="0" applyNumberFormat="1" applyFont="1" applyFill="1" applyBorder="1">
      <alignment vertical="center"/>
    </xf>
    <xf numFmtId="0" fontId="3" fillId="2" borderId="52" xfId="0" applyFont="1" applyFill="1" applyBorder="1" applyAlignment="1">
      <alignment horizontal="center" vertical="center"/>
    </xf>
    <xf numFmtId="178" fontId="3" fillId="2" borderId="74" xfId="0" applyNumberFormat="1" applyFont="1" applyFill="1" applyBorder="1">
      <alignment vertical="center"/>
    </xf>
    <xf numFmtId="178" fontId="3" fillId="2" borderId="52" xfId="0" applyNumberFormat="1" applyFont="1" applyFill="1" applyBorder="1">
      <alignment vertical="center"/>
    </xf>
    <xf numFmtId="179" fontId="3" fillId="2" borderId="33" xfId="0" applyNumberFormat="1" applyFont="1" applyFill="1" applyBorder="1">
      <alignment vertical="center"/>
    </xf>
    <xf numFmtId="178" fontId="3" fillId="2" borderId="17" xfId="0" applyNumberFormat="1" applyFont="1" applyFill="1" applyBorder="1">
      <alignment vertical="center"/>
    </xf>
    <xf numFmtId="179" fontId="3" fillId="2" borderId="74" xfId="0" applyNumberFormat="1" applyFont="1" applyFill="1" applyBorder="1">
      <alignment vertical="center"/>
    </xf>
    <xf numFmtId="177" fontId="5" fillId="2" borderId="0" xfId="0" applyNumberFormat="1" applyFont="1" applyFill="1">
      <alignment vertical="center"/>
    </xf>
    <xf numFmtId="0" fontId="11" fillId="2" borderId="0" xfId="0" applyFont="1" applyFill="1">
      <alignment vertical="center"/>
    </xf>
    <xf numFmtId="0" fontId="4" fillId="2" borderId="11" xfId="0" applyFont="1" applyFill="1" applyBorder="1" applyAlignment="1">
      <alignment horizontal="center" vertical="center" shrinkToFit="1"/>
    </xf>
    <xf numFmtId="0" fontId="4" fillId="2" borderId="12" xfId="0" applyFont="1" applyFill="1" applyBorder="1" applyAlignment="1">
      <alignment horizontal="center" vertical="center" shrinkToFit="1"/>
    </xf>
    <xf numFmtId="0" fontId="4" fillId="2" borderId="36" xfId="0" applyFont="1" applyFill="1" applyBorder="1" applyAlignment="1">
      <alignment horizontal="center" vertical="center" shrinkToFit="1"/>
    </xf>
    <xf numFmtId="0" fontId="4" fillId="2" borderId="18" xfId="0" applyFont="1" applyFill="1" applyBorder="1" applyAlignment="1">
      <alignment horizontal="center" vertical="center" shrinkToFit="1"/>
    </xf>
    <xf numFmtId="0" fontId="4" fillId="2" borderId="16" xfId="0" applyFont="1" applyFill="1" applyBorder="1" applyAlignment="1">
      <alignment horizontal="center" vertical="center" shrinkToFit="1"/>
    </xf>
    <xf numFmtId="177" fontId="3" fillId="3" borderId="53" xfId="0" applyNumberFormat="1" applyFont="1" applyFill="1" applyBorder="1" applyProtection="1">
      <alignment vertical="center"/>
      <protection locked="0"/>
    </xf>
    <xf numFmtId="0" fontId="3" fillId="3" borderId="13" xfId="0" applyFont="1" applyFill="1" applyBorder="1" applyAlignment="1" applyProtection="1">
      <alignment horizontal="center" vertical="center"/>
      <protection locked="0"/>
    </xf>
    <xf numFmtId="0" fontId="3" fillId="3" borderId="4" xfId="0" applyFont="1" applyFill="1" applyBorder="1" applyAlignment="1" applyProtection="1">
      <alignment horizontal="center" vertical="center"/>
      <protection locked="0"/>
    </xf>
    <xf numFmtId="0" fontId="3" fillId="3" borderId="59" xfId="0" applyFont="1" applyFill="1" applyBorder="1" applyAlignment="1" applyProtection="1">
      <alignment horizontal="center" vertical="center"/>
      <protection locked="0"/>
    </xf>
    <xf numFmtId="0" fontId="3" fillId="3" borderId="6" xfId="0" applyFont="1" applyFill="1" applyBorder="1" applyAlignment="1" applyProtection="1">
      <alignment horizontal="center" vertical="center"/>
      <protection locked="0"/>
    </xf>
    <xf numFmtId="0" fontId="3" fillId="3" borderId="5" xfId="0" applyFont="1" applyFill="1" applyBorder="1" applyAlignment="1" applyProtection="1">
      <alignment horizontal="center" vertical="center"/>
      <protection locked="0"/>
    </xf>
    <xf numFmtId="0" fontId="3" fillId="3" borderId="21" xfId="0" applyFont="1" applyFill="1" applyBorder="1" applyAlignment="1" applyProtection="1">
      <alignment horizontal="center" vertical="center"/>
      <protection locked="0"/>
    </xf>
    <xf numFmtId="0" fontId="3" fillId="3" borderId="54" xfId="0" applyFont="1" applyFill="1" applyBorder="1" applyAlignment="1" applyProtection="1">
      <alignment horizontal="center" vertical="center"/>
      <protection locked="0"/>
    </xf>
    <xf numFmtId="177" fontId="3" fillId="3" borderId="47" xfId="0" applyNumberFormat="1" applyFont="1" applyFill="1" applyBorder="1" applyProtection="1">
      <alignment vertical="center"/>
      <protection locked="0"/>
    </xf>
    <xf numFmtId="0" fontId="3" fillId="3" borderId="10" xfId="0" applyFont="1" applyFill="1" applyBorder="1" applyAlignment="1" applyProtection="1">
      <alignment horizontal="center" vertical="center"/>
      <protection locked="0"/>
    </xf>
    <xf numFmtId="0" fontId="3" fillId="3" borderId="1" xfId="0" applyFont="1" applyFill="1" applyBorder="1" applyAlignment="1" applyProtection="1">
      <alignment horizontal="center" vertical="center"/>
      <protection locked="0"/>
    </xf>
    <xf numFmtId="0" fontId="3" fillId="3" borderId="38" xfId="0" applyFont="1" applyFill="1" applyBorder="1" applyAlignment="1" applyProtection="1">
      <alignment horizontal="center" vertical="center"/>
      <protection locked="0"/>
    </xf>
    <xf numFmtId="0" fontId="3" fillId="3" borderId="8" xfId="0" applyFont="1" applyFill="1" applyBorder="1" applyAlignment="1" applyProtection="1">
      <alignment horizontal="center" vertical="center"/>
      <protection locked="0"/>
    </xf>
    <xf numFmtId="0" fontId="3" fillId="3" borderId="7" xfId="0" applyFont="1" applyFill="1" applyBorder="1" applyAlignment="1" applyProtection="1">
      <alignment horizontal="center" vertical="center"/>
      <protection locked="0"/>
    </xf>
    <xf numFmtId="0" fontId="3" fillId="3" borderId="22" xfId="0" applyFont="1" applyFill="1" applyBorder="1" applyAlignment="1" applyProtection="1">
      <alignment horizontal="center" vertical="center"/>
      <protection locked="0"/>
    </xf>
    <xf numFmtId="0" fontId="3" fillId="3" borderId="48" xfId="0" applyFont="1" applyFill="1" applyBorder="1" applyAlignment="1" applyProtection="1">
      <alignment horizontal="center" vertical="center"/>
      <protection locked="0"/>
    </xf>
    <xf numFmtId="177" fontId="3" fillId="3" borderId="35" xfId="0" applyNumberFormat="1" applyFont="1" applyFill="1" applyBorder="1" applyProtection="1">
      <alignment vertical="center"/>
      <protection locked="0"/>
    </xf>
    <xf numFmtId="0" fontId="3" fillId="3" borderId="11" xfId="0" applyFont="1" applyFill="1" applyBorder="1" applyAlignment="1" applyProtection="1">
      <alignment horizontal="center" vertical="center"/>
      <protection locked="0"/>
    </xf>
    <xf numFmtId="0" fontId="3" fillId="3" borderId="12" xfId="0" applyFont="1" applyFill="1" applyBorder="1" applyAlignment="1" applyProtection="1">
      <alignment horizontal="center" vertical="center"/>
      <protection locked="0"/>
    </xf>
    <xf numFmtId="0" fontId="3" fillId="3" borderId="36" xfId="0" applyFont="1" applyFill="1" applyBorder="1" applyAlignment="1" applyProtection="1">
      <alignment horizontal="center" vertical="center"/>
      <protection locked="0"/>
    </xf>
    <xf numFmtId="0" fontId="3" fillId="3" borderId="18" xfId="0" applyFont="1" applyFill="1" applyBorder="1" applyAlignment="1" applyProtection="1">
      <alignment horizontal="center" vertical="center"/>
      <protection locked="0"/>
    </xf>
    <xf numFmtId="0" fontId="3" fillId="3" borderId="16" xfId="0" applyFont="1" applyFill="1" applyBorder="1" applyAlignment="1" applyProtection="1">
      <alignment horizontal="center" vertical="center"/>
      <protection locked="0"/>
    </xf>
    <xf numFmtId="0" fontId="3" fillId="3" borderId="20" xfId="0" applyFont="1" applyFill="1" applyBorder="1" applyAlignment="1" applyProtection="1">
      <alignment horizontal="center" vertical="center"/>
      <protection locked="0"/>
    </xf>
    <xf numFmtId="0" fontId="3" fillId="3" borderId="49" xfId="0" applyFont="1" applyFill="1" applyBorder="1" applyAlignment="1" applyProtection="1">
      <alignment horizontal="center" vertical="center"/>
      <protection locked="0"/>
    </xf>
    <xf numFmtId="0" fontId="4" fillId="5" borderId="0" xfId="0" applyFont="1" applyFill="1">
      <alignment vertical="center"/>
    </xf>
    <xf numFmtId="0" fontId="4" fillId="2" borderId="1" xfId="0" applyFont="1" applyFill="1" applyBorder="1" applyAlignment="1">
      <alignment horizontal="left" vertical="center"/>
    </xf>
    <xf numFmtId="0" fontId="4" fillId="2" borderId="1" xfId="0" applyFont="1" applyFill="1" applyBorder="1" applyAlignment="1">
      <alignment horizontal="right" vertical="center"/>
    </xf>
    <xf numFmtId="0" fontId="4" fillId="2" borderId="2" xfId="0" applyFont="1" applyFill="1" applyBorder="1" applyAlignment="1">
      <alignment horizontal="left" vertical="center"/>
    </xf>
    <xf numFmtId="0" fontId="4" fillId="2" borderId="4" xfId="0" applyFont="1" applyFill="1" applyBorder="1" applyAlignment="1">
      <alignment horizontal="left" vertical="center"/>
    </xf>
    <xf numFmtId="0" fontId="4" fillId="6" borderId="2" xfId="0" applyFont="1" applyFill="1" applyBorder="1" applyAlignment="1">
      <alignment vertical="center" wrapText="1"/>
    </xf>
    <xf numFmtId="0" fontId="4" fillId="6" borderId="4" xfId="0" applyFont="1" applyFill="1" applyBorder="1" applyAlignment="1">
      <alignment vertical="center" wrapText="1"/>
    </xf>
    <xf numFmtId="0" fontId="3" fillId="2" borderId="12" xfId="0" applyFont="1" applyFill="1" applyBorder="1" applyAlignment="1">
      <alignment horizontal="center" vertical="center"/>
    </xf>
    <xf numFmtId="0" fontId="9" fillId="3" borderId="1" xfId="0" applyFont="1" applyFill="1" applyBorder="1" applyAlignment="1" applyProtection="1">
      <alignment horizontal="center" vertical="center"/>
      <protection locked="0"/>
    </xf>
    <xf numFmtId="0" fontId="3" fillId="2" borderId="46" xfId="0" applyFont="1" applyFill="1" applyBorder="1" applyAlignment="1">
      <alignment horizontal="center" vertical="center"/>
    </xf>
    <xf numFmtId="177" fontId="3" fillId="2" borderId="0" xfId="0" applyNumberFormat="1" applyFont="1" applyFill="1" applyAlignment="1">
      <alignment horizontal="left" vertical="center"/>
    </xf>
    <xf numFmtId="181" fontId="3" fillId="3" borderId="46" xfId="0" applyNumberFormat="1" applyFont="1" applyFill="1" applyBorder="1" applyProtection="1">
      <alignment vertical="center"/>
      <protection locked="0"/>
    </xf>
    <xf numFmtId="0" fontId="3" fillId="2" borderId="57" xfId="0" applyFont="1" applyFill="1" applyBorder="1">
      <alignment vertical="center"/>
    </xf>
    <xf numFmtId="0" fontId="3" fillId="2" borderId="24" xfId="0" applyFont="1" applyFill="1" applyBorder="1">
      <alignment vertical="center"/>
    </xf>
    <xf numFmtId="181" fontId="3" fillId="3" borderId="1" xfId="0" applyNumberFormat="1" applyFont="1" applyFill="1" applyBorder="1" applyProtection="1">
      <alignment vertical="center"/>
      <protection locked="0"/>
    </xf>
    <xf numFmtId="0" fontId="3" fillId="2" borderId="65" xfId="0" applyFont="1" applyFill="1" applyBorder="1">
      <alignment vertical="center"/>
    </xf>
    <xf numFmtId="0" fontId="3" fillId="2" borderId="29" xfId="0" applyFont="1" applyFill="1" applyBorder="1">
      <alignment vertical="center"/>
    </xf>
    <xf numFmtId="0" fontId="3" fillId="2" borderId="0" xfId="0" applyFont="1" applyFill="1" applyAlignment="1">
      <alignment vertical="top" wrapText="1"/>
    </xf>
    <xf numFmtId="0" fontId="3" fillId="2" borderId="0" xfId="0" applyFont="1" applyFill="1" applyAlignment="1">
      <alignment vertical="top"/>
    </xf>
    <xf numFmtId="0" fontId="3" fillId="2" borderId="73" xfId="0" applyFont="1" applyFill="1" applyBorder="1" applyAlignment="1">
      <alignment horizontal="left" vertical="center"/>
    </xf>
    <xf numFmtId="0" fontId="3" fillId="2" borderId="77" xfId="0" applyFont="1" applyFill="1" applyBorder="1" applyAlignment="1">
      <alignment horizontal="left" vertical="center"/>
    </xf>
    <xf numFmtId="0" fontId="3" fillId="2" borderId="41" xfId="0" applyFont="1" applyFill="1" applyBorder="1" applyAlignment="1">
      <alignment horizontal="left" vertical="center"/>
    </xf>
    <xf numFmtId="0" fontId="3" fillId="2" borderId="47" xfId="0" applyFont="1" applyFill="1" applyBorder="1" applyAlignment="1">
      <alignment horizontal="left" vertical="center"/>
    </xf>
    <xf numFmtId="0" fontId="3" fillId="2" borderId="55" xfId="0" applyFont="1" applyFill="1" applyBorder="1" applyAlignment="1">
      <alignment horizontal="left" vertical="center"/>
    </xf>
    <xf numFmtId="0" fontId="3" fillId="2" borderId="8" xfId="0" applyFont="1" applyFill="1" applyBorder="1" applyAlignment="1">
      <alignment horizontal="left" vertical="center"/>
    </xf>
    <xf numFmtId="0" fontId="3" fillId="2" borderId="78" xfId="0" applyFont="1" applyFill="1" applyBorder="1" applyAlignment="1">
      <alignment horizontal="left" vertical="top" wrapText="1"/>
    </xf>
    <xf numFmtId="0" fontId="3" fillId="2" borderId="56" xfId="0" applyFont="1" applyFill="1" applyBorder="1" applyAlignment="1">
      <alignment horizontal="left" vertical="top" wrapText="1"/>
    </xf>
    <xf numFmtId="0" fontId="3" fillId="2" borderId="68" xfId="0" applyFont="1" applyFill="1" applyBorder="1" applyAlignment="1">
      <alignment horizontal="left" vertical="top" wrapText="1"/>
    </xf>
    <xf numFmtId="0" fontId="3" fillId="2" borderId="28" xfId="0" applyFont="1" applyFill="1" applyBorder="1" applyAlignment="1">
      <alignment horizontal="left" vertical="top" wrapText="1"/>
    </xf>
    <xf numFmtId="0" fontId="3" fillId="2" borderId="0" xfId="0" applyFont="1" applyFill="1" applyAlignment="1">
      <alignment horizontal="left" vertical="top" wrapText="1"/>
    </xf>
    <xf numFmtId="0" fontId="3" fillId="2" borderId="69" xfId="0" applyFont="1" applyFill="1" applyBorder="1" applyAlignment="1">
      <alignment horizontal="left" vertical="top" wrapText="1"/>
    </xf>
    <xf numFmtId="0" fontId="3" fillId="2" borderId="25" xfId="0" applyFont="1" applyFill="1" applyBorder="1" applyAlignment="1">
      <alignment horizontal="left" vertical="top" wrapText="1"/>
    </xf>
    <xf numFmtId="0" fontId="3" fillId="2" borderId="26" xfId="0" applyFont="1" applyFill="1" applyBorder="1" applyAlignment="1">
      <alignment horizontal="left" vertical="top" wrapText="1"/>
    </xf>
    <xf numFmtId="0" fontId="3" fillId="2" borderId="17" xfId="0" applyFont="1" applyFill="1" applyBorder="1" applyAlignment="1">
      <alignment horizontal="left" vertical="top" wrapText="1"/>
    </xf>
    <xf numFmtId="0" fontId="3" fillId="3" borderId="1" xfId="0" applyFont="1" applyFill="1" applyBorder="1" applyAlignment="1" applyProtection="1">
      <alignment horizontal="left" vertical="top" wrapText="1"/>
      <protection locked="0"/>
    </xf>
    <xf numFmtId="0" fontId="3" fillId="3" borderId="38" xfId="0" applyFont="1" applyFill="1" applyBorder="1" applyAlignment="1" applyProtection="1">
      <alignment horizontal="left" vertical="top" wrapText="1"/>
      <protection locked="0"/>
    </xf>
    <xf numFmtId="0" fontId="3" fillId="3" borderId="12" xfId="0" applyFont="1" applyFill="1" applyBorder="1" applyAlignment="1" applyProtection="1">
      <alignment horizontal="left" vertical="top" wrapText="1"/>
      <protection locked="0"/>
    </xf>
    <xf numFmtId="0" fontId="3" fillId="3" borderId="36" xfId="0" applyFont="1" applyFill="1" applyBorder="1" applyAlignment="1" applyProtection="1">
      <alignment horizontal="left" vertical="top" wrapText="1"/>
      <protection locked="0"/>
    </xf>
    <xf numFmtId="0" fontId="3" fillId="2" borderId="10" xfId="0" applyFont="1" applyFill="1" applyBorder="1" applyAlignment="1">
      <alignment horizontal="center" vertical="center"/>
    </xf>
    <xf numFmtId="0" fontId="3" fillId="2" borderId="1" xfId="0" applyFont="1" applyFill="1" applyBorder="1" applyAlignment="1">
      <alignment horizontal="center" vertical="center"/>
    </xf>
    <xf numFmtId="0" fontId="3" fillId="3" borderId="1" xfId="0" applyFont="1" applyFill="1" applyBorder="1" applyAlignment="1" applyProtection="1">
      <alignment horizontal="left" vertical="center" wrapText="1"/>
      <protection locked="0"/>
    </xf>
    <xf numFmtId="180" fontId="3" fillId="3" borderId="7" xfId="0" applyNumberFormat="1" applyFont="1" applyFill="1" applyBorder="1" applyAlignment="1" applyProtection="1">
      <alignment horizontal="left" vertical="center"/>
      <protection locked="0"/>
    </xf>
    <xf numFmtId="180" fontId="3" fillId="3" borderId="8" xfId="0" applyNumberFormat="1" applyFont="1" applyFill="1" applyBorder="1" applyAlignment="1" applyProtection="1">
      <alignment horizontal="left" vertical="center"/>
      <protection locked="0"/>
    </xf>
    <xf numFmtId="0" fontId="3" fillId="3" borderId="64" xfId="0" applyFont="1" applyFill="1" applyBorder="1" applyAlignment="1" applyProtection="1">
      <alignment horizontal="left" vertical="center" wrapText="1"/>
      <protection locked="0"/>
    </xf>
    <xf numFmtId="0" fontId="3" fillId="3" borderId="66" xfId="0" applyFont="1" applyFill="1" applyBorder="1" applyAlignment="1" applyProtection="1">
      <alignment horizontal="left" vertical="center" wrapText="1"/>
      <protection locked="0"/>
    </xf>
    <xf numFmtId="0" fontId="3" fillId="3" borderId="5" xfId="0" applyFont="1" applyFill="1" applyBorder="1" applyAlignment="1" applyProtection="1">
      <alignment horizontal="left" vertical="center" wrapText="1"/>
      <protection locked="0"/>
    </xf>
    <xf numFmtId="0" fontId="3" fillId="3" borderId="54" xfId="0" applyFont="1" applyFill="1" applyBorder="1" applyAlignment="1" applyProtection="1">
      <alignment horizontal="left" vertical="center" wrapText="1"/>
      <protection locked="0"/>
    </xf>
    <xf numFmtId="0" fontId="3" fillId="2" borderId="11" xfId="0" applyFont="1" applyFill="1" applyBorder="1" applyAlignment="1">
      <alignment horizontal="center" vertical="center"/>
    </xf>
    <xf numFmtId="0" fontId="3" fillId="2" borderId="12" xfId="0" applyFont="1" applyFill="1" applyBorder="1" applyAlignment="1">
      <alignment horizontal="center" vertical="center"/>
    </xf>
    <xf numFmtId="0" fontId="3" fillId="3" borderId="12" xfId="0" applyFont="1" applyFill="1" applyBorder="1" applyAlignment="1" applyProtection="1">
      <alignment horizontal="left" vertical="center" wrapText="1"/>
      <protection locked="0"/>
    </xf>
    <xf numFmtId="0" fontId="3" fillId="3" borderId="74" xfId="0" applyFont="1" applyFill="1" applyBorder="1" applyAlignment="1" applyProtection="1">
      <alignment horizontal="left" vertical="center" wrapText="1"/>
      <protection locked="0"/>
    </xf>
    <xf numFmtId="0" fontId="3" fillId="3" borderId="27" xfId="0" applyFont="1" applyFill="1" applyBorder="1" applyAlignment="1" applyProtection="1">
      <alignment horizontal="left" vertical="center" wrapText="1"/>
      <protection locked="0"/>
    </xf>
    <xf numFmtId="180" fontId="3" fillId="3" borderId="16" xfId="0" applyNumberFormat="1" applyFont="1" applyFill="1" applyBorder="1" applyAlignment="1" applyProtection="1">
      <alignment horizontal="left" vertical="center"/>
      <protection locked="0"/>
    </xf>
    <xf numFmtId="180" fontId="3" fillId="3" borderId="18" xfId="0" applyNumberFormat="1" applyFont="1" applyFill="1" applyBorder="1" applyAlignment="1" applyProtection="1">
      <alignment horizontal="left" vertical="center"/>
      <protection locked="0"/>
    </xf>
    <xf numFmtId="0" fontId="3" fillId="2" borderId="9" xfId="0" applyFont="1" applyFill="1" applyBorder="1" applyAlignment="1">
      <alignment horizontal="center" vertical="center" shrinkToFit="1"/>
    </xf>
    <xf numFmtId="0" fontId="3" fillId="2" borderId="46" xfId="0" applyFont="1" applyFill="1" applyBorder="1" applyAlignment="1">
      <alignment horizontal="center" vertical="center" shrinkToFit="1"/>
    </xf>
    <xf numFmtId="0" fontId="3" fillId="2" borderId="46" xfId="0" applyFont="1" applyFill="1" applyBorder="1" applyAlignment="1">
      <alignment horizontal="center" vertical="center"/>
    </xf>
    <xf numFmtId="0" fontId="3" fillId="2" borderId="40" xfId="0" applyFont="1" applyFill="1" applyBorder="1" applyAlignment="1">
      <alignment horizontal="center" vertical="center"/>
    </xf>
    <xf numFmtId="177" fontId="3" fillId="3" borderId="1" xfId="0" applyNumberFormat="1" applyFont="1" applyFill="1" applyBorder="1" applyAlignment="1" applyProtection="1">
      <alignment horizontal="left" vertical="center"/>
      <protection locked="0"/>
    </xf>
    <xf numFmtId="177" fontId="3" fillId="3" borderId="38" xfId="0" applyNumberFormat="1" applyFont="1" applyFill="1" applyBorder="1" applyAlignment="1" applyProtection="1">
      <alignment horizontal="left" vertical="center"/>
      <protection locked="0"/>
    </xf>
    <xf numFmtId="0" fontId="3" fillId="3" borderId="47" xfId="0" applyFont="1" applyFill="1" applyBorder="1" applyAlignment="1" applyProtection="1">
      <alignment horizontal="left" vertical="center"/>
      <protection locked="0"/>
    </xf>
    <xf numFmtId="0" fontId="3" fillId="3" borderId="8" xfId="0" applyFont="1" applyFill="1" applyBorder="1" applyAlignment="1" applyProtection="1">
      <alignment horizontal="left" vertical="center"/>
      <protection locked="0"/>
    </xf>
    <xf numFmtId="0" fontId="3" fillId="3" borderId="7" xfId="0" applyFont="1" applyFill="1" applyBorder="1" applyAlignment="1" applyProtection="1">
      <alignment horizontal="left" vertical="center"/>
      <protection locked="0"/>
    </xf>
    <xf numFmtId="0" fontId="3" fillId="3" borderId="55" xfId="0" applyFont="1" applyFill="1" applyBorder="1" applyAlignment="1" applyProtection="1">
      <alignment horizontal="left" vertical="center"/>
      <protection locked="0"/>
    </xf>
    <xf numFmtId="0" fontId="3" fillId="3" borderId="48" xfId="0" applyFont="1" applyFill="1" applyBorder="1" applyAlignment="1" applyProtection="1">
      <alignment horizontal="left" vertical="center"/>
      <protection locked="0"/>
    </xf>
    <xf numFmtId="0" fontId="3" fillId="3" borderId="35" xfId="0" applyFont="1" applyFill="1" applyBorder="1" applyAlignment="1" applyProtection="1">
      <alignment horizontal="left" vertical="center"/>
      <protection locked="0"/>
    </xf>
    <xf numFmtId="0" fontId="3" fillId="3" borderId="18" xfId="0" applyFont="1" applyFill="1" applyBorder="1" applyAlignment="1" applyProtection="1">
      <alignment horizontal="left" vertical="center"/>
      <protection locked="0"/>
    </xf>
    <xf numFmtId="0" fontId="3" fillId="3" borderId="16" xfId="0" applyFont="1" applyFill="1" applyBorder="1" applyAlignment="1" applyProtection="1">
      <alignment horizontal="left" vertical="center"/>
      <protection locked="0"/>
    </xf>
    <xf numFmtId="0" fontId="3" fillId="3" borderId="76" xfId="0" applyFont="1" applyFill="1" applyBorder="1" applyAlignment="1" applyProtection="1">
      <alignment horizontal="left" vertical="center"/>
      <protection locked="0"/>
    </xf>
    <xf numFmtId="0" fontId="3" fillId="3" borderId="49" xfId="0" applyFont="1" applyFill="1" applyBorder="1" applyAlignment="1" applyProtection="1">
      <alignment horizontal="left" vertical="center"/>
      <protection locked="0"/>
    </xf>
    <xf numFmtId="0" fontId="3" fillId="2" borderId="9" xfId="0" applyFont="1" applyFill="1" applyBorder="1" applyAlignment="1">
      <alignment horizontal="center" vertical="center"/>
    </xf>
    <xf numFmtId="0" fontId="2" fillId="3" borderId="47" xfId="0" applyFont="1" applyFill="1" applyBorder="1" applyAlignment="1" applyProtection="1">
      <alignment horizontal="left" vertical="center"/>
      <protection locked="0"/>
    </xf>
    <xf numFmtId="0" fontId="2" fillId="3" borderId="55" xfId="0" applyFont="1" applyFill="1" applyBorder="1" applyAlignment="1" applyProtection="1">
      <alignment horizontal="left" vertical="center"/>
      <protection locked="0"/>
    </xf>
    <xf numFmtId="0" fontId="2" fillId="3" borderId="8" xfId="0" applyFont="1" applyFill="1" applyBorder="1" applyAlignment="1" applyProtection="1">
      <alignment horizontal="left" vertical="center"/>
      <protection locked="0"/>
    </xf>
    <xf numFmtId="0" fontId="2" fillId="3" borderId="7" xfId="0" applyFont="1" applyFill="1" applyBorder="1" applyAlignment="1" applyProtection="1">
      <alignment horizontal="left" vertical="center"/>
      <protection locked="0"/>
    </xf>
    <xf numFmtId="0" fontId="2" fillId="3" borderId="48" xfId="0" applyFont="1" applyFill="1" applyBorder="1" applyAlignment="1" applyProtection="1">
      <alignment horizontal="left" vertical="center"/>
      <protection locked="0"/>
    </xf>
    <xf numFmtId="0" fontId="2" fillId="2" borderId="1" xfId="0" applyFont="1" applyFill="1" applyBorder="1" applyAlignment="1">
      <alignment horizontal="left" vertical="center"/>
    </xf>
    <xf numFmtId="0" fontId="2" fillId="2" borderId="1" xfId="0" applyFont="1" applyFill="1" applyBorder="1" applyAlignment="1">
      <alignment horizontal="left" vertical="center" indent="1"/>
    </xf>
    <xf numFmtId="0" fontId="2" fillId="2" borderId="67" xfId="0" applyFont="1" applyFill="1" applyBorder="1" applyAlignment="1">
      <alignment horizontal="left" vertical="center"/>
    </xf>
    <xf numFmtId="0" fontId="2" fillId="2" borderId="21" xfId="0" applyFont="1" applyFill="1" applyBorder="1" applyAlignment="1">
      <alignment horizontal="left" vertical="center"/>
    </xf>
    <xf numFmtId="0" fontId="3" fillId="3" borderId="1" xfId="0" applyFont="1" applyFill="1" applyBorder="1" applyProtection="1">
      <alignment vertical="center"/>
      <protection locked="0"/>
    </xf>
    <xf numFmtId="0" fontId="3" fillId="2" borderId="7" xfId="0" applyFont="1" applyFill="1" applyBorder="1" applyAlignment="1">
      <alignment horizontal="left" vertical="center"/>
    </xf>
    <xf numFmtId="0" fontId="3" fillId="2" borderId="48" xfId="0" applyFont="1" applyFill="1" applyBorder="1" applyAlignment="1">
      <alignment horizontal="left" vertical="center"/>
    </xf>
    <xf numFmtId="0" fontId="3" fillId="2" borderId="62" xfId="0" applyFont="1" applyFill="1" applyBorder="1" applyAlignment="1">
      <alignment horizontal="left" vertical="center"/>
    </xf>
    <xf numFmtId="0" fontId="3" fillId="2" borderId="51" xfId="0" applyFont="1" applyFill="1" applyBorder="1" applyAlignment="1">
      <alignment horizontal="left" vertical="center"/>
    </xf>
    <xf numFmtId="0" fontId="3" fillId="2" borderId="13" xfId="0" applyFont="1" applyFill="1" applyBorder="1" applyAlignment="1">
      <alignment horizontal="left" vertical="center"/>
    </xf>
    <xf numFmtId="0" fontId="3" fillId="2" borderId="50" xfId="0" applyFont="1" applyFill="1" applyBorder="1" applyAlignment="1">
      <alignment horizontal="left" vertical="center"/>
    </xf>
    <xf numFmtId="0" fontId="3" fillId="3" borderId="57" xfId="0" applyFont="1" applyFill="1" applyBorder="1" applyAlignment="1" applyProtection="1">
      <alignment horizontal="left" vertical="center"/>
      <protection locked="0"/>
    </xf>
    <xf numFmtId="0" fontId="3" fillId="3" borderId="14" xfId="0" applyFont="1" applyFill="1" applyBorder="1" applyAlignment="1" applyProtection="1">
      <alignment horizontal="left" vertical="center"/>
      <protection locked="0"/>
    </xf>
    <xf numFmtId="0" fontId="3" fillId="3" borderId="24" xfId="0" applyFont="1" applyFill="1" applyBorder="1" applyAlignment="1" applyProtection="1">
      <alignment horizontal="left" vertical="center"/>
      <protection locked="0"/>
    </xf>
    <xf numFmtId="0" fontId="3" fillId="3" borderId="65" xfId="0" applyFont="1" applyFill="1" applyBorder="1" applyAlignment="1" applyProtection="1">
      <alignment horizontal="left" vertical="center"/>
      <protection locked="0"/>
    </xf>
    <xf numFmtId="0" fontId="3" fillId="3" borderId="0" xfId="0" applyFont="1" applyFill="1" applyAlignment="1" applyProtection="1">
      <alignment horizontal="left" vertical="center"/>
      <protection locked="0"/>
    </xf>
    <xf numFmtId="0" fontId="3" fillId="3" borderId="29" xfId="0" applyFont="1" applyFill="1" applyBorder="1" applyAlignment="1" applyProtection="1">
      <alignment horizontal="left" vertical="center"/>
      <protection locked="0"/>
    </xf>
    <xf numFmtId="0" fontId="3" fillId="3" borderId="5" xfId="0" applyFont="1" applyFill="1" applyBorder="1" applyAlignment="1" applyProtection="1">
      <alignment horizontal="left" vertical="center"/>
      <protection locked="0"/>
    </xf>
    <xf numFmtId="0" fontId="3" fillId="3" borderId="63" xfId="0" applyFont="1" applyFill="1" applyBorder="1" applyAlignment="1" applyProtection="1">
      <alignment horizontal="left" vertical="center"/>
      <protection locked="0"/>
    </xf>
    <xf numFmtId="0" fontId="3" fillId="3" borderId="54" xfId="0" applyFont="1" applyFill="1" applyBorder="1" applyAlignment="1" applyProtection="1">
      <alignment horizontal="left" vertical="center"/>
      <protection locked="0"/>
    </xf>
    <xf numFmtId="0" fontId="3" fillId="3" borderId="64" xfId="0" applyFont="1" applyFill="1" applyBorder="1" applyAlignment="1" applyProtection="1">
      <alignment horizontal="left" vertical="center"/>
      <protection locked="0"/>
    </xf>
    <xf numFmtId="0" fontId="3" fillId="3" borderId="56" xfId="0" applyFont="1" applyFill="1" applyBorder="1" applyAlignment="1" applyProtection="1">
      <alignment horizontal="left" vertical="center"/>
      <protection locked="0"/>
    </xf>
    <xf numFmtId="0" fontId="3" fillId="3" borderId="66" xfId="0" applyFont="1" applyFill="1" applyBorder="1" applyAlignment="1" applyProtection="1">
      <alignment horizontal="left" vertical="center"/>
      <protection locked="0"/>
    </xf>
    <xf numFmtId="0" fontId="3" fillId="2" borderId="57" xfId="0" applyFont="1" applyFill="1" applyBorder="1" applyAlignment="1">
      <alignment horizontal="center" vertical="center"/>
    </xf>
    <xf numFmtId="0" fontId="3" fillId="2" borderId="14" xfId="0" applyFont="1" applyFill="1" applyBorder="1" applyAlignment="1">
      <alignment horizontal="center" vertical="center"/>
    </xf>
    <xf numFmtId="0" fontId="3" fillId="2" borderId="24" xfId="0" applyFont="1" applyFill="1" applyBorder="1" applyAlignment="1">
      <alignment horizontal="center" vertical="center"/>
    </xf>
    <xf numFmtId="0" fontId="3" fillId="3" borderId="47" xfId="0" applyFont="1" applyFill="1" applyBorder="1" applyAlignment="1" applyProtection="1">
      <alignment horizontal="left" vertical="center" shrinkToFit="1"/>
      <protection locked="0"/>
    </xf>
    <xf numFmtId="0" fontId="3" fillId="3" borderId="48" xfId="0" applyFont="1" applyFill="1" applyBorder="1" applyAlignment="1" applyProtection="1">
      <alignment horizontal="left" vertical="center" shrinkToFit="1"/>
      <protection locked="0"/>
    </xf>
    <xf numFmtId="0" fontId="3" fillId="3" borderId="35" xfId="0" applyFont="1" applyFill="1" applyBorder="1" applyAlignment="1" applyProtection="1">
      <alignment horizontal="left" vertical="center" shrinkToFit="1"/>
      <protection locked="0"/>
    </xf>
    <xf numFmtId="0" fontId="3" fillId="3" borderId="49" xfId="0" applyFont="1" applyFill="1" applyBorder="1" applyAlignment="1" applyProtection="1">
      <alignment horizontal="left" vertical="center" shrinkToFit="1"/>
      <protection locked="0"/>
    </xf>
    <xf numFmtId="0" fontId="3" fillId="3" borderId="23" xfId="0" applyFont="1" applyFill="1" applyBorder="1" applyAlignment="1" applyProtection="1">
      <alignment horizontal="left" vertical="top"/>
      <protection locked="0"/>
    </xf>
    <xf numFmtId="0" fontId="3" fillId="3" borderId="14" xfId="0" applyFont="1" applyFill="1" applyBorder="1" applyAlignment="1" applyProtection="1">
      <alignment horizontal="left" vertical="top"/>
      <protection locked="0"/>
    </xf>
    <xf numFmtId="0" fontId="3" fillId="3" borderId="24" xfId="0" applyFont="1" applyFill="1" applyBorder="1" applyAlignment="1" applyProtection="1">
      <alignment horizontal="left" vertical="top"/>
      <protection locked="0"/>
    </xf>
    <xf numFmtId="0" fontId="3" fillId="3" borderId="28" xfId="0" applyFont="1" applyFill="1" applyBorder="1" applyAlignment="1" applyProtection="1">
      <alignment horizontal="left" vertical="top"/>
      <protection locked="0"/>
    </xf>
    <xf numFmtId="0" fontId="3" fillId="3" borderId="0" xfId="0" applyFont="1" applyFill="1" applyAlignment="1" applyProtection="1">
      <alignment horizontal="left" vertical="top"/>
      <protection locked="0"/>
    </xf>
    <xf numFmtId="0" fontId="3" fillId="3" borderId="29" xfId="0" applyFont="1" applyFill="1" applyBorder="1" applyAlignment="1" applyProtection="1">
      <alignment horizontal="left" vertical="top"/>
      <protection locked="0"/>
    </xf>
    <xf numFmtId="0" fontId="3" fillId="3" borderId="25" xfId="0" applyFont="1" applyFill="1" applyBorder="1" applyAlignment="1" applyProtection="1">
      <alignment horizontal="left" vertical="top"/>
      <protection locked="0"/>
    </xf>
    <xf numFmtId="0" fontId="3" fillId="3" borderId="26" xfId="0" applyFont="1" applyFill="1" applyBorder="1" applyAlignment="1" applyProtection="1">
      <alignment horizontal="left" vertical="top"/>
      <protection locked="0"/>
    </xf>
    <xf numFmtId="0" fontId="3" fillId="3" borderId="27" xfId="0" applyFont="1" applyFill="1" applyBorder="1" applyAlignment="1" applyProtection="1">
      <alignment horizontal="left" vertical="top"/>
      <protection locked="0"/>
    </xf>
    <xf numFmtId="0" fontId="3" fillId="2" borderId="19" xfId="0" applyFont="1" applyFill="1" applyBorder="1" applyAlignment="1">
      <alignment horizontal="center" vertical="center" wrapText="1"/>
    </xf>
    <xf numFmtId="0" fontId="3" fillId="2" borderId="20" xfId="0" applyFont="1" applyFill="1" applyBorder="1" applyAlignment="1">
      <alignment horizontal="center" vertical="center" wrapText="1"/>
    </xf>
    <xf numFmtId="0" fontId="2" fillId="2" borderId="23" xfId="0" applyFont="1" applyFill="1" applyBorder="1" applyAlignment="1">
      <alignment horizontal="center" vertical="center" wrapText="1"/>
    </xf>
    <xf numFmtId="0" fontId="2" fillId="2" borderId="14" xfId="0" applyFont="1" applyFill="1" applyBorder="1" applyAlignment="1">
      <alignment horizontal="center" vertical="center" wrapText="1"/>
    </xf>
    <xf numFmtId="0" fontId="2" fillId="2" borderId="24" xfId="0" applyFont="1" applyFill="1" applyBorder="1" applyAlignment="1">
      <alignment horizontal="center" vertical="center" wrapText="1"/>
    </xf>
    <xf numFmtId="0" fontId="2" fillId="2" borderId="25" xfId="0" applyFont="1" applyFill="1" applyBorder="1" applyAlignment="1">
      <alignment horizontal="center" vertical="center" wrapText="1"/>
    </xf>
    <xf numFmtId="0" fontId="2" fillId="2" borderId="26" xfId="0" applyFont="1" applyFill="1" applyBorder="1" applyAlignment="1">
      <alignment horizontal="center" vertical="center" wrapText="1"/>
    </xf>
    <xf numFmtId="0" fontId="2" fillId="2" borderId="27" xfId="0" applyFont="1" applyFill="1" applyBorder="1" applyAlignment="1">
      <alignment horizontal="center" vertical="center" wrapText="1"/>
    </xf>
    <xf numFmtId="177" fontId="3" fillId="3" borderId="12" xfId="0" applyNumberFormat="1" applyFont="1" applyFill="1" applyBorder="1" applyAlignment="1" applyProtection="1">
      <alignment horizontal="left" vertical="center"/>
      <protection locked="0"/>
    </xf>
    <xf numFmtId="177" fontId="3" fillId="3" borderId="36" xfId="0" applyNumberFormat="1" applyFont="1" applyFill="1" applyBorder="1" applyAlignment="1" applyProtection="1">
      <alignment horizontal="left" vertical="center"/>
      <protection locked="0"/>
    </xf>
    <xf numFmtId="0" fontId="2" fillId="3" borderId="47" xfId="0" applyFont="1" applyFill="1" applyBorder="1" applyAlignment="1" applyProtection="1">
      <alignment horizontal="left" vertical="center" wrapText="1"/>
      <protection locked="0"/>
    </xf>
    <xf numFmtId="0" fontId="2" fillId="3" borderId="35" xfId="0" applyFont="1" applyFill="1" applyBorder="1" applyAlignment="1" applyProtection="1">
      <alignment horizontal="left" vertical="center"/>
      <protection locked="0"/>
    </xf>
    <xf numFmtId="0" fontId="2" fillId="3" borderId="76" xfId="0" applyFont="1" applyFill="1" applyBorder="1" applyAlignment="1" applyProtection="1">
      <alignment horizontal="left" vertical="center"/>
      <protection locked="0"/>
    </xf>
    <xf numFmtId="0" fontId="2" fillId="3" borderId="18" xfId="0" applyFont="1" applyFill="1" applyBorder="1" applyAlignment="1" applyProtection="1">
      <alignment horizontal="left" vertical="center"/>
      <protection locked="0"/>
    </xf>
    <xf numFmtId="0" fontId="2" fillId="3" borderId="16" xfId="0" applyFont="1" applyFill="1" applyBorder="1" applyAlignment="1" applyProtection="1">
      <alignment horizontal="left" vertical="center"/>
      <protection locked="0"/>
    </xf>
    <xf numFmtId="0" fontId="2" fillId="3" borderId="49" xfId="0" applyFont="1" applyFill="1" applyBorder="1" applyAlignment="1" applyProtection="1">
      <alignment horizontal="left" vertical="center"/>
      <protection locked="0"/>
    </xf>
    <xf numFmtId="0" fontId="4" fillId="2" borderId="46" xfId="0" applyFont="1" applyFill="1" applyBorder="1" applyAlignment="1">
      <alignment horizontal="center" vertical="center"/>
    </xf>
    <xf numFmtId="0" fontId="4" fillId="2" borderId="40" xfId="0" applyFont="1" applyFill="1" applyBorder="1" applyAlignment="1">
      <alignment horizontal="center" vertical="center"/>
    </xf>
    <xf numFmtId="0" fontId="2" fillId="2" borderId="23" xfId="0" applyFont="1" applyFill="1" applyBorder="1" applyAlignment="1">
      <alignment horizontal="left" vertical="center" wrapText="1"/>
    </xf>
    <xf numFmtId="0" fontId="2" fillId="2" borderId="14" xfId="0" applyFont="1" applyFill="1" applyBorder="1" applyAlignment="1">
      <alignment horizontal="left" vertical="center" wrapText="1"/>
    </xf>
    <xf numFmtId="0" fontId="2" fillId="2" borderId="24" xfId="0" applyFont="1" applyFill="1" applyBorder="1" applyAlignment="1">
      <alignment horizontal="left" vertical="center" wrapText="1"/>
    </xf>
    <xf numFmtId="0" fontId="2" fillId="2" borderId="28" xfId="0" applyFont="1" applyFill="1" applyBorder="1" applyAlignment="1">
      <alignment horizontal="left" vertical="center" wrapText="1"/>
    </xf>
    <xf numFmtId="0" fontId="2" fillId="2" borderId="0" xfId="0" applyFont="1" applyFill="1" applyAlignment="1">
      <alignment horizontal="left" vertical="center" wrapText="1"/>
    </xf>
    <xf numFmtId="0" fontId="2" fillId="2" borderId="29" xfId="0" applyFont="1" applyFill="1" applyBorder="1" applyAlignment="1">
      <alignment horizontal="left" vertical="center" wrapText="1"/>
    </xf>
    <xf numFmtId="0" fontId="2" fillId="2" borderId="25" xfId="0" applyFont="1" applyFill="1" applyBorder="1" applyAlignment="1">
      <alignment horizontal="left" vertical="center" wrapText="1"/>
    </xf>
    <xf numFmtId="0" fontId="2" fillId="2" borderId="26" xfId="0" applyFont="1" applyFill="1" applyBorder="1" applyAlignment="1">
      <alignment horizontal="left" vertical="center" wrapText="1"/>
    </xf>
    <xf numFmtId="0" fontId="2" fillId="2" borderId="27" xfId="0" applyFont="1" applyFill="1" applyBorder="1" applyAlignment="1">
      <alignment horizontal="left" vertical="center" wrapText="1"/>
    </xf>
    <xf numFmtId="0" fontId="2" fillId="3" borderId="68" xfId="0" applyFont="1" applyFill="1" applyBorder="1" applyAlignment="1" applyProtection="1">
      <alignment horizontal="left" vertical="center" wrapText="1"/>
      <protection locked="0"/>
    </xf>
    <xf numFmtId="0" fontId="2" fillId="3" borderId="2" xfId="0" applyFont="1" applyFill="1" applyBorder="1" applyAlignment="1" applyProtection="1">
      <alignment horizontal="left" vertical="center" wrapText="1"/>
      <protection locked="0"/>
    </xf>
    <xf numFmtId="0" fontId="2" fillId="3" borderId="58" xfId="0" applyFont="1" applyFill="1" applyBorder="1" applyAlignment="1" applyProtection="1">
      <alignment horizontal="left" vertical="center" wrapText="1"/>
      <protection locked="0"/>
    </xf>
    <xf numFmtId="0" fontId="6" fillId="2" borderId="0" xfId="0" applyFont="1" applyFill="1" applyAlignment="1">
      <alignment horizontal="center" vertical="center"/>
    </xf>
    <xf numFmtId="0" fontId="2" fillId="3" borderId="41" xfId="0" applyFont="1" applyFill="1" applyBorder="1" applyAlignment="1" applyProtection="1">
      <alignment horizontal="left" vertical="center"/>
      <protection locked="0"/>
    </xf>
    <xf numFmtId="0" fontId="2" fillId="3" borderId="46" xfId="0" applyFont="1" applyFill="1" applyBorder="1" applyAlignment="1" applyProtection="1">
      <alignment horizontal="left" vertical="center"/>
      <protection locked="0"/>
    </xf>
    <xf numFmtId="0" fontId="2" fillId="3" borderId="40" xfId="0" applyFont="1" applyFill="1" applyBorder="1" applyAlignment="1" applyProtection="1">
      <alignment horizontal="left" vertical="center"/>
      <protection locked="0"/>
    </xf>
    <xf numFmtId="0" fontId="2" fillId="3" borderId="1" xfId="0" applyFont="1" applyFill="1" applyBorder="1" applyAlignment="1" applyProtection="1">
      <alignment horizontal="left" vertical="center"/>
      <protection locked="0"/>
    </xf>
    <xf numFmtId="0" fontId="2" fillId="3" borderId="38" xfId="0" applyFont="1" applyFill="1" applyBorder="1" applyAlignment="1" applyProtection="1">
      <alignment horizontal="left" vertical="center"/>
      <protection locked="0"/>
    </xf>
    <xf numFmtId="0" fontId="12" fillId="3" borderId="13" xfId="0" applyFont="1" applyFill="1" applyBorder="1" applyAlignment="1" applyProtection="1">
      <alignment horizontal="left" vertical="center" wrapText="1"/>
      <protection locked="0"/>
    </xf>
    <xf numFmtId="0" fontId="2" fillId="3" borderId="4" xfId="0" applyFont="1" applyFill="1" applyBorder="1" applyAlignment="1" applyProtection="1">
      <alignment horizontal="left" vertical="center" wrapText="1"/>
      <protection locked="0"/>
    </xf>
    <xf numFmtId="0" fontId="2" fillId="3" borderId="59" xfId="0" applyFont="1" applyFill="1" applyBorder="1" applyAlignment="1" applyProtection="1">
      <alignment horizontal="left" vertical="center" wrapText="1"/>
      <protection locked="0"/>
    </xf>
    <xf numFmtId="0" fontId="3" fillId="3" borderId="4" xfId="0" applyFont="1" applyFill="1" applyBorder="1" applyProtection="1">
      <alignment vertical="center"/>
      <protection locked="0"/>
    </xf>
    <xf numFmtId="0" fontId="3" fillId="3" borderId="12" xfId="0" applyFont="1" applyFill="1" applyBorder="1" applyProtection="1">
      <alignment vertical="center"/>
      <protection locked="0"/>
    </xf>
    <xf numFmtId="0" fontId="3" fillId="2" borderId="4" xfId="0" applyFont="1" applyFill="1" applyBorder="1" applyAlignment="1">
      <alignment horizontal="left" vertical="center"/>
    </xf>
    <xf numFmtId="0" fontId="3" fillId="2" borderId="59" xfId="0" applyFont="1" applyFill="1" applyBorder="1" applyAlignment="1">
      <alignment horizontal="left" vertical="center"/>
    </xf>
    <xf numFmtId="0" fontId="3" fillId="2" borderId="12" xfId="0" applyFont="1" applyFill="1" applyBorder="1" applyAlignment="1">
      <alignment horizontal="left" vertical="center"/>
    </xf>
    <xf numFmtId="0" fontId="3" fillId="2" borderId="36" xfId="0" applyFont="1" applyFill="1" applyBorder="1" applyAlignment="1">
      <alignment horizontal="left" vertical="center"/>
    </xf>
    <xf numFmtId="0" fontId="2" fillId="2" borderId="22" xfId="0" applyFont="1" applyFill="1" applyBorder="1" applyAlignment="1">
      <alignment horizontal="left" vertical="center" wrapText="1"/>
    </xf>
    <xf numFmtId="0" fontId="2" fillId="2" borderId="20" xfId="0" applyFont="1" applyFill="1" applyBorder="1" applyAlignment="1">
      <alignment horizontal="left" vertical="center" wrapText="1"/>
    </xf>
    <xf numFmtId="0" fontId="2" fillId="2" borderId="30" xfId="0" applyFont="1" applyFill="1" applyBorder="1" applyAlignment="1">
      <alignment horizontal="center" vertical="center" wrapText="1"/>
    </xf>
    <xf numFmtId="0" fontId="2" fillId="2" borderId="31" xfId="0" applyFont="1" applyFill="1" applyBorder="1" applyAlignment="1">
      <alignment horizontal="center" vertical="center" wrapText="1"/>
    </xf>
    <xf numFmtId="0" fontId="2" fillId="2" borderId="0" xfId="1" applyFont="1" applyFill="1" applyBorder="1" applyAlignment="1" applyProtection="1">
      <alignment horizontal="left" vertical="center"/>
      <protection locked="0"/>
    </xf>
    <xf numFmtId="0" fontId="2" fillId="2" borderId="7" xfId="0" applyFont="1" applyFill="1" applyBorder="1" applyAlignment="1">
      <alignment horizontal="distributed" vertical="center" indent="1"/>
    </xf>
    <xf numFmtId="0" fontId="2" fillId="2" borderId="8" xfId="0" applyFont="1" applyFill="1" applyBorder="1" applyAlignment="1">
      <alignment horizontal="distributed" vertical="center" indent="1"/>
    </xf>
    <xf numFmtId="0" fontId="2" fillId="2" borderId="64" xfId="0" applyFont="1" applyFill="1" applyBorder="1" applyAlignment="1">
      <alignment horizontal="distributed" vertical="center" indent="1"/>
    </xf>
    <xf numFmtId="0" fontId="2" fillId="2" borderId="68" xfId="0" applyFont="1" applyFill="1" applyBorder="1" applyAlignment="1">
      <alignment horizontal="distributed" vertical="center" indent="1"/>
    </xf>
    <xf numFmtId="0" fontId="2" fillId="2" borderId="65" xfId="0" applyFont="1" applyFill="1" applyBorder="1" applyAlignment="1">
      <alignment horizontal="distributed" vertical="center" indent="1"/>
    </xf>
    <xf numFmtId="0" fontId="2" fillId="2" borderId="69" xfId="0" applyFont="1" applyFill="1" applyBorder="1" applyAlignment="1">
      <alignment horizontal="distributed" vertical="center" indent="1"/>
    </xf>
    <xf numFmtId="0" fontId="2" fillId="2" borderId="5" xfId="0" applyFont="1" applyFill="1" applyBorder="1" applyAlignment="1">
      <alignment horizontal="distributed" vertical="center" indent="1"/>
    </xf>
    <xf numFmtId="0" fontId="2" fillId="2" borderId="6" xfId="0" applyFont="1" applyFill="1" applyBorder="1" applyAlignment="1">
      <alignment horizontal="distributed" vertical="center" indent="1"/>
    </xf>
    <xf numFmtId="0" fontId="2" fillId="2" borderId="64" xfId="0" applyFont="1" applyFill="1" applyBorder="1" applyAlignment="1">
      <alignment horizontal="center" vertical="center"/>
    </xf>
    <xf numFmtId="0" fontId="2" fillId="2" borderId="56" xfId="0" applyFont="1" applyFill="1" applyBorder="1" applyAlignment="1">
      <alignment horizontal="center" vertical="center"/>
    </xf>
    <xf numFmtId="0" fontId="2" fillId="2" borderId="68" xfId="0" applyFont="1" applyFill="1" applyBorder="1" applyAlignment="1">
      <alignment horizontal="center" vertical="center"/>
    </xf>
    <xf numFmtId="0" fontId="2" fillId="2" borderId="65" xfId="0" applyFont="1" applyFill="1" applyBorder="1" applyAlignment="1">
      <alignment horizontal="center" vertical="center"/>
    </xf>
    <xf numFmtId="0" fontId="2" fillId="2" borderId="0" xfId="0" applyFont="1" applyFill="1" applyAlignment="1">
      <alignment horizontal="center" vertical="center"/>
    </xf>
    <xf numFmtId="0" fontId="2" fillId="2" borderId="69" xfId="0" applyFont="1" applyFill="1" applyBorder="1" applyAlignment="1">
      <alignment horizontal="center" vertical="center"/>
    </xf>
    <xf numFmtId="0" fontId="2" fillId="2" borderId="5" xfId="0" applyFont="1" applyFill="1" applyBorder="1" applyAlignment="1">
      <alignment horizontal="center" vertical="center"/>
    </xf>
    <xf numFmtId="0" fontId="2" fillId="2" borderId="63" xfId="0" applyFont="1" applyFill="1" applyBorder="1" applyAlignment="1">
      <alignment horizontal="center" vertical="center"/>
    </xf>
    <xf numFmtId="0" fontId="2" fillId="2" borderId="6" xfId="0" applyFont="1" applyFill="1" applyBorder="1" applyAlignment="1">
      <alignment horizontal="center" vertical="center"/>
    </xf>
    <xf numFmtId="0" fontId="3" fillId="2" borderId="9" xfId="0" applyFont="1" applyFill="1" applyBorder="1" applyAlignment="1">
      <alignment horizontal="center" vertical="center" wrapText="1"/>
    </xf>
    <xf numFmtId="0" fontId="3" fillId="2" borderId="15" xfId="0" applyFont="1" applyFill="1" applyBorder="1" applyAlignment="1">
      <alignment horizontal="center" vertical="center" wrapText="1"/>
    </xf>
    <xf numFmtId="0" fontId="3" fillId="2" borderId="11" xfId="0" applyFont="1" applyFill="1" applyBorder="1" applyAlignment="1">
      <alignment horizontal="center" vertical="center" wrapText="1"/>
    </xf>
    <xf numFmtId="0" fontId="3" fillId="2" borderId="16" xfId="0" applyFont="1" applyFill="1" applyBorder="1" applyAlignment="1">
      <alignment horizontal="center" vertical="center" wrapText="1"/>
    </xf>
    <xf numFmtId="0" fontId="3" fillId="2" borderId="14" xfId="0" applyFont="1" applyFill="1" applyBorder="1" applyAlignment="1">
      <alignment horizontal="center" vertical="center" wrapText="1"/>
    </xf>
    <xf numFmtId="0" fontId="3" fillId="2" borderId="53" xfId="0" applyFont="1" applyFill="1" applyBorder="1" applyAlignment="1">
      <alignment horizontal="left" vertical="center" wrapText="1"/>
    </xf>
    <xf numFmtId="0" fontId="3" fillId="2" borderId="35" xfId="0" applyFont="1" applyFill="1" applyBorder="1" applyAlignment="1">
      <alignment horizontal="left" vertical="center" wrapText="1"/>
    </xf>
    <xf numFmtId="0" fontId="9" fillId="3" borderId="4" xfId="0" applyFont="1" applyFill="1" applyBorder="1" applyAlignment="1" applyProtection="1">
      <alignment horizontal="center" vertical="center"/>
      <protection locked="0"/>
    </xf>
    <xf numFmtId="0" fontId="9" fillId="3" borderId="12" xfId="0" applyFont="1" applyFill="1" applyBorder="1" applyAlignment="1" applyProtection="1">
      <alignment horizontal="center" vertical="center"/>
      <protection locked="0"/>
    </xf>
    <xf numFmtId="0" fontId="3" fillId="2" borderId="4" xfId="0" applyFont="1" applyFill="1" applyBorder="1" applyAlignment="1">
      <alignment horizontal="center" vertical="center"/>
    </xf>
    <xf numFmtId="0" fontId="3" fillId="3" borderId="10" xfId="0" applyFont="1" applyFill="1" applyBorder="1" applyAlignment="1" applyProtection="1">
      <alignment horizontal="left" vertical="center" wrapText="1"/>
      <protection locked="0"/>
    </xf>
    <xf numFmtId="0" fontId="3" fillId="3" borderId="38" xfId="0" applyFont="1" applyFill="1" applyBorder="1" applyAlignment="1" applyProtection="1">
      <alignment horizontal="left" vertical="center" wrapText="1"/>
      <protection locked="0"/>
    </xf>
    <xf numFmtId="0" fontId="3" fillId="3" borderId="11" xfId="0" applyFont="1" applyFill="1" applyBorder="1" applyAlignment="1" applyProtection="1">
      <alignment horizontal="left" vertical="center" wrapText="1"/>
      <protection locked="0"/>
    </xf>
    <xf numFmtId="0" fontId="3" fillId="3" borderId="36" xfId="0" applyFont="1" applyFill="1" applyBorder="1" applyAlignment="1" applyProtection="1">
      <alignment horizontal="left" vertical="center" wrapText="1"/>
      <protection locked="0"/>
    </xf>
    <xf numFmtId="0" fontId="3" fillId="2" borderId="62" xfId="0" applyFont="1" applyFill="1" applyBorder="1" applyAlignment="1">
      <alignment horizontal="center" vertical="center"/>
    </xf>
    <xf numFmtId="0" fontId="3" fillId="2" borderId="64" xfId="0" applyFont="1" applyFill="1" applyBorder="1" applyAlignment="1">
      <alignment horizontal="center" vertical="center" wrapText="1"/>
    </xf>
    <xf numFmtId="0" fontId="3" fillId="2" borderId="41" xfId="0" applyFont="1" applyFill="1" applyBorder="1" applyAlignment="1">
      <alignment horizontal="center" vertical="center"/>
    </xf>
    <xf numFmtId="0" fontId="3" fillId="2" borderId="15" xfId="0" applyFont="1" applyFill="1" applyBorder="1" applyAlignment="1">
      <alignment horizontal="center" vertical="center"/>
    </xf>
    <xf numFmtId="0" fontId="4" fillId="2" borderId="75" xfId="0" applyFont="1" applyFill="1" applyBorder="1" applyAlignment="1">
      <alignment horizontal="center" vertical="center" wrapText="1"/>
    </xf>
    <xf numFmtId="0" fontId="4" fillId="2" borderId="49" xfId="0" applyFont="1" applyFill="1" applyBorder="1" applyAlignment="1">
      <alignment horizontal="center" vertical="center" wrapText="1"/>
    </xf>
    <xf numFmtId="177" fontId="4" fillId="2" borderId="73" xfId="0" applyNumberFormat="1" applyFont="1" applyFill="1" applyBorder="1" applyAlignment="1">
      <alignment horizontal="center" vertical="center" wrapText="1"/>
    </xf>
    <xf numFmtId="177" fontId="4" fillId="2" borderId="35" xfId="0" applyNumberFormat="1" applyFont="1" applyFill="1" applyBorder="1" applyAlignment="1">
      <alignment horizontal="center" vertical="center" wrapText="1"/>
    </xf>
    <xf numFmtId="0" fontId="4" fillId="2" borderId="9" xfId="0" applyFont="1" applyFill="1" applyBorder="1" applyAlignment="1">
      <alignment horizontal="center" vertical="center"/>
    </xf>
    <xf numFmtId="0" fontId="4" fillId="2" borderId="41" xfId="0" applyFont="1" applyFill="1" applyBorder="1" applyAlignment="1">
      <alignment horizontal="center" vertical="center"/>
    </xf>
    <xf numFmtId="0" fontId="4" fillId="2" borderId="15" xfId="0" applyFont="1" applyFill="1" applyBorder="1" applyAlignment="1">
      <alignment horizontal="center" vertical="center"/>
    </xf>
    <xf numFmtId="0" fontId="4" fillId="2" borderId="30" xfId="0" applyFont="1" applyFill="1" applyBorder="1" applyAlignment="1">
      <alignment horizontal="center" vertical="center" wrapText="1"/>
    </xf>
    <xf numFmtId="0" fontId="4" fillId="2" borderId="31" xfId="0" applyFont="1" applyFill="1" applyBorder="1" applyAlignment="1">
      <alignment horizontal="center" vertical="center" wrapText="1"/>
    </xf>
    <xf numFmtId="0" fontId="4" fillId="2" borderId="41" xfId="0" applyFont="1" applyFill="1" applyBorder="1" applyAlignment="1">
      <alignment horizontal="center" vertical="center" wrapText="1"/>
    </xf>
    <xf numFmtId="0" fontId="4" fillId="2" borderId="18" xfId="0" applyFont="1" applyFill="1" applyBorder="1" applyAlignment="1">
      <alignment horizontal="center" vertical="center" wrapText="1"/>
    </xf>
    <xf numFmtId="0" fontId="4" fillId="2" borderId="40" xfId="0" applyFont="1" applyFill="1" applyBorder="1" applyAlignment="1">
      <alignment horizontal="center" vertical="center" wrapText="1"/>
    </xf>
    <xf numFmtId="0" fontId="4" fillId="2" borderId="36" xfId="0" applyFont="1" applyFill="1" applyBorder="1" applyAlignment="1">
      <alignment horizontal="center" vertical="center" wrapText="1"/>
    </xf>
    <xf numFmtId="0" fontId="4" fillId="2" borderId="0" xfId="0" applyFont="1" applyFill="1" applyAlignment="1">
      <alignment horizontal="left" vertical="center" wrapText="1"/>
    </xf>
    <xf numFmtId="0" fontId="4" fillId="2" borderId="3" xfId="0" applyFont="1" applyFill="1" applyBorder="1" applyAlignment="1">
      <alignment horizontal="center" vertical="top" textRotation="255" shrinkToFit="1"/>
    </xf>
    <xf numFmtId="0" fontId="4" fillId="2" borderId="4" xfId="0" applyFont="1" applyFill="1" applyBorder="1" applyAlignment="1">
      <alignment horizontal="center" vertical="top" textRotation="255" shrinkToFit="1"/>
    </xf>
    <xf numFmtId="0" fontId="4" fillId="2" borderId="0" xfId="0" applyFont="1" applyFill="1" applyAlignment="1">
      <alignment horizontal="center" vertical="center"/>
    </xf>
    <xf numFmtId="0" fontId="4" fillId="2" borderId="69" xfId="0" applyFont="1" applyFill="1" applyBorder="1" applyAlignment="1">
      <alignment horizontal="center" vertical="center"/>
    </xf>
    <xf numFmtId="0" fontId="4" fillId="2" borderId="2" xfId="0" applyFont="1" applyFill="1" applyBorder="1" applyAlignment="1">
      <alignment horizontal="left" vertical="center" wrapText="1"/>
    </xf>
    <xf numFmtId="0" fontId="4" fillId="2" borderId="4" xfId="0" applyFont="1" applyFill="1" applyBorder="1" applyAlignment="1">
      <alignment horizontal="left" vertical="center" wrapText="1"/>
    </xf>
  </cellXfs>
  <cellStyles count="2">
    <cellStyle name="ハイパーリンク" xfId="1" builtinId="8"/>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8" Type="http://schemas.openxmlformats.org/officeDocument/2006/relationships/image" Target="../media/image8.emf"/><Relationship Id="rId13" Type="http://schemas.openxmlformats.org/officeDocument/2006/relationships/image" Target="../media/image13.emf"/><Relationship Id="rId18" Type="http://schemas.openxmlformats.org/officeDocument/2006/relationships/image" Target="../media/image18.emf"/><Relationship Id="rId26" Type="http://schemas.openxmlformats.org/officeDocument/2006/relationships/image" Target="../media/image26.emf"/><Relationship Id="rId39" Type="http://schemas.openxmlformats.org/officeDocument/2006/relationships/image" Target="../media/image39.emf"/><Relationship Id="rId3" Type="http://schemas.openxmlformats.org/officeDocument/2006/relationships/image" Target="../media/image3.emf"/><Relationship Id="rId21" Type="http://schemas.openxmlformats.org/officeDocument/2006/relationships/image" Target="../media/image21.emf"/><Relationship Id="rId34" Type="http://schemas.openxmlformats.org/officeDocument/2006/relationships/image" Target="../media/image34.emf"/><Relationship Id="rId42" Type="http://schemas.openxmlformats.org/officeDocument/2006/relationships/image" Target="../media/image42.emf"/><Relationship Id="rId7" Type="http://schemas.openxmlformats.org/officeDocument/2006/relationships/image" Target="../media/image7.emf"/><Relationship Id="rId12" Type="http://schemas.openxmlformats.org/officeDocument/2006/relationships/image" Target="../media/image12.emf"/><Relationship Id="rId17" Type="http://schemas.openxmlformats.org/officeDocument/2006/relationships/image" Target="../media/image17.emf"/><Relationship Id="rId25" Type="http://schemas.openxmlformats.org/officeDocument/2006/relationships/image" Target="../media/image25.emf"/><Relationship Id="rId33" Type="http://schemas.openxmlformats.org/officeDocument/2006/relationships/image" Target="../media/image33.emf"/><Relationship Id="rId38" Type="http://schemas.openxmlformats.org/officeDocument/2006/relationships/image" Target="../media/image38.emf"/><Relationship Id="rId46" Type="http://schemas.openxmlformats.org/officeDocument/2006/relationships/image" Target="../media/image46.emf"/><Relationship Id="rId2" Type="http://schemas.openxmlformats.org/officeDocument/2006/relationships/image" Target="../media/image2.emf"/><Relationship Id="rId16" Type="http://schemas.openxmlformats.org/officeDocument/2006/relationships/image" Target="../media/image16.emf"/><Relationship Id="rId20" Type="http://schemas.openxmlformats.org/officeDocument/2006/relationships/image" Target="../media/image20.emf"/><Relationship Id="rId29" Type="http://schemas.openxmlformats.org/officeDocument/2006/relationships/image" Target="../media/image29.emf"/><Relationship Id="rId41" Type="http://schemas.openxmlformats.org/officeDocument/2006/relationships/image" Target="../media/image41.emf"/><Relationship Id="rId1" Type="http://schemas.openxmlformats.org/officeDocument/2006/relationships/image" Target="../media/image1.emf"/><Relationship Id="rId6" Type="http://schemas.openxmlformats.org/officeDocument/2006/relationships/image" Target="../media/image6.emf"/><Relationship Id="rId11" Type="http://schemas.openxmlformats.org/officeDocument/2006/relationships/image" Target="../media/image11.emf"/><Relationship Id="rId24" Type="http://schemas.openxmlformats.org/officeDocument/2006/relationships/image" Target="../media/image24.emf"/><Relationship Id="rId32" Type="http://schemas.openxmlformats.org/officeDocument/2006/relationships/image" Target="../media/image32.emf"/><Relationship Id="rId37" Type="http://schemas.openxmlformats.org/officeDocument/2006/relationships/image" Target="../media/image37.emf"/><Relationship Id="rId40" Type="http://schemas.openxmlformats.org/officeDocument/2006/relationships/image" Target="../media/image40.emf"/><Relationship Id="rId45" Type="http://schemas.openxmlformats.org/officeDocument/2006/relationships/image" Target="../media/image45.emf"/><Relationship Id="rId5" Type="http://schemas.openxmlformats.org/officeDocument/2006/relationships/image" Target="../media/image5.emf"/><Relationship Id="rId15" Type="http://schemas.openxmlformats.org/officeDocument/2006/relationships/image" Target="../media/image15.emf"/><Relationship Id="rId23" Type="http://schemas.openxmlformats.org/officeDocument/2006/relationships/image" Target="../media/image23.emf"/><Relationship Id="rId28" Type="http://schemas.openxmlformats.org/officeDocument/2006/relationships/image" Target="../media/image28.emf"/><Relationship Id="rId36" Type="http://schemas.openxmlformats.org/officeDocument/2006/relationships/image" Target="../media/image36.emf"/><Relationship Id="rId10" Type="http://schemas.openxmlformats.org/officeDocument/2006/relationships/image" Target="../media/image10.emf"/><Relationship Id="rId19" Type="http://schemas.openxmlformats.org/officeDocument/2006/relationships/image" Target="../media/image19.emf"/><Relationship Id="rId31" Type="http://schemas.openxmlformats.org/officeDocument/2006/relationships/image" Target="../media/image31.emf"/><Relationship Id="rId44" Type="http://schemas.openxmlformats.org/officeDocument/2006/relationships/image" Target="../media/image44.emf"/><Relationship Id="rId4" Type="http://schemas.openxmlformats.org/officeDocument/2006/relationships/image" Target="../media/image4.emf"/><Relationship Id="rId9" Type="http://schemas.openxmlformats.org/officeDocument/2006/relationships/image" Target="../media/image9.emf"/><Relationship Id="rId14" Type="http://schemas.openxmlformats.org/officeDocument/2006/relationships/image" Target="../media/image14.emf"/><Relationship Id="rId22" Type="http://schemas.openxmlformats.org/officeDocument/2006/relationships/image" Target="../media/image22.emf"/><Relationship Id="rId27" Type="http://schemas.openxmlformats.org/officeDocument/2006/relationships/image" Target="../media/image27.emf"/><Relationship Id="rId30" Type="http://schemas.openxmlformats.org/officeDocument/2006/relationships/image" Target="../media/image30.emf"/><Relationship Id="rId35" Type="http://schemas.openxmlformats.org/officeDocument/2006/relationships/image" Target="../media/image35.emf"/><Relationship Id="rId43" Type="http://schemas.openxmlformats.org/officeDocument/2006/relationships/image" Target="../media/image43.emf"/></Relationships>
</file>

<file path=xl/drawings/drawing1.xml><?xml version="1.0" encoding="utf-8"?>
<xdr:wsDr xmlns:xdr="http://schemas.openxmlformats.org/drawingml/2006/spreadsheetDrawing" xmlns:a="http://schemas.openxmlformats.org/drawingml/2006/main">
  <xdr:twoCellAnchor>
    <xdr:from>
      <xdr:col>14</xdr:col>
      <xdr:colOff>314325</xdr:colOff>
      <xdr:row>83</xdr:row>
      <xdr:rowOff>180975</xdr:rowOff>
    </xdr:from>
    <xdr:to>
      <xdr:col>14</xdr:col>
      <xdr:colOff>6124575</xdr:colOff>
      <xdr:row>93</xdr:row>
      <xdr:rowOff>47625</xdr:rowOff>
    </xdr:to>
    <xdr:sp macro="" textlink="">
      <xdr:nvSpPr>
        <xdr:cNvPr id="2" name="テキスト ボックス 1">
          <a:extLst>
            <a:ext uri="{FF2B5EF4-FFF2-40B4-BE49-F238E27FC236}">
              <a16:creationId xmlns:a16="http://schemas.microsoft.com/office/drawing/2014/main" id="{00000000-0008-0000-0000-000002000000}"/>
            </a:ext>
          </a:extLst>
        </xdr:cNvPr>
        <xdr:cNvSpPr txBox="1"/>
      </xdr:nvSpPr>
      <xdr:spPr>
        <a:xfrm>
          <a:off x="6562725" y="20793075"/>
          <a:ext cx="5810250" cy="1962150"/>
        </a:xfrm>
        <a:prstGeom prst="rect">
          <a:avLst/>
        </a:prstGeom>
        <a:solidFill>
          <a:schemeClr val="lt1"/>
        </a:solidFill>
        <a:ln w="25400"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t>・点検結果欄（適・不適）のほか、赤色網掛けセルへの入力をお願いします。</a:t>
          </a:r>
          <a:endParaRPr kumimoji="1" lang="en-US" altLang="ja-JP" sz="1100"/>
        </a:p>
        <a:p>
          <a:r>
            <a:rPr kumimoji="1" lang="ja-JP" altLang="en-US" sz="1100"/>
            <a:t>・入力しやすいようにシートを保護しています。</a:t>
          </a:r>
          <a:endParaRPr kumimoji="1" lang="en-US" altLang="ja-JP" sz="1100"/>
        </a:p>
        <a:p>
          <a:r>
            <a:rPr kumimoji="1" lang="ja-JP" altLang="en-US" sz="1100"/>
            <a:t>・解除したい場合は、「校閲」タブの「シート保護の解除」をクリックしてください。</a:t>
          </a:r>
          <a:endParaRPr kumimoji="1" lang="en-US" altLang="ja-JP" sz="1100"/>
        </a:p>
        <a:p>
          <a:r>
            <a:rPr kumimoji="1" lang="ja-JP" altLang="en-US" sz="1100"/>
            <a:t>　パスワードは設定していません。</a:t>
          </a:r>
          <a:endParaRPr kumimoji="1" lang="en-US" altLang="ja-JP" sz="1100"/>
        </a:p>
        <a:p>
          <a:r>
            <a:rPr kumimoji="1" lang="ja-JP" altLang="en-US" sz="1100"/>
            <a:t>・研修等の実施年月日等の入力欄が不足する場合は、列の追加等は行わず、</a:t>
          </a:r>
          <a:endParaRPr kumimoji="1" lang="en-US" altLang="ja-JP" sz="1100"/>
        </a:p>
        <a:p>
          <a:r>
            <a:rPr kumimoji="1" lang="ja-JP" altLang="en-US" sz="1100"/>
            <a:t>　セル内で改行をする等の対応をお願いいたします。</a:t>
          </a:r>
          <a:endParaRPr kumimoji="1" lang="en-US" altLang="ja-JP" sz="1100"/>
        </a:p>
        <a:p>
          <a:r>
            <a:rPr kumimoji="1" lang="ja-JP" altLang="en-US" sz="1100"/>
            <a:t>　監査当日に補足していただいても構いません。</a:t>
          </a:r>
        </a:p>
      </xdr:txBody>
    </xdr:sp>
    <xdr:clientData/>
  </xdr:twoCellAnchor>
  <xdr:twoCellAnchor editAs="oneCell">
    <xdr:from>
      <xdr:col>14</xdr:col>
      <xdr:colOff>0</xdr:colOff>
      <xdr:row>273</xdr:row>
      <xdr:rowOff>47630</xdr:rowOff>
    </xdr:from>
    <xdr:to>
      <xdr:col>15</xdr:col>
      <xdr:colOff>4763</xdr:colOff>
      <xdr:row>278</xdr:row>
      <xdr:rowOff>195268</xdr:rowOff>
    </xdr:to>
    <xdr:pic>
      <xdr:nvPicPr>
        <xdr:cNvPr id="7" name="図 6">
          <a:extLst>
            <a:ext uri="{FF2B5EF4-FFF2-40B4-BE49-F238E27FC236}">
              <a16:creationId xmlns:a16="http://schemas.microsoft.com/office/drawing/2014/main" id="{B576F053-9DF6-BEE9-F7EC-020B18E636BB}"/>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5843588" y="60474230"/>
          <a:ext cx="5781675" cy="1195388"/>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0</xdr:colOff>
      <xdr:row>280</xdr:row>
      <xdr:rowOff>0</xdr:rowOff>
    </xdr:from>
    <xdr:to>
      <xdr:col>15</xdr:col>
      <xdr:colOff>4763</xdr:colOff>
      <xdr:row>316</xdr:row>
      <xdr:rowOff>200025</xdr:rowOff>
    </xdr:to>
    <xdr:pic>
      <xdr:nvPicPr>
        <xdr:cNvPr id="8" name="図 7">
          <a:extLst>
            <a:ext uri="{FF2B5EF4-FFF2-40B4-BE49-F238E27FC236}">
              <a16:creationId xmlns:a16="http://schemas.microsoft.com/office/drawing/2014/main" id="{F502E4B5-541D-915F-9122-1A8B15912DC5}"/>
            </a:ext>
          </a:extLst>
        </xdr:cNvPr>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5843588" y="61893450"/>
          <a:ext cx="5781675" cy="77438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xdr:col>
      <xdr:colOff>0</xdr:colOff>
      <xdr:row>200</xdr:row>
      <xdr:rowOff>0</xdr:rowOff>
    </xdr:from>
    <xdr:to>
      <xdr:col>12</xdr:col>
      <xdr:colOff>985838</xdr:colOff>
      <xdr:row>223</xdr:row>
      <xdr:rowOff>80963</xdr:rowOff>
    </xdr:to>
    <xdr:pic>
      <xdr:nvPicPr>
        <xdr:cNvPr id="11" name="図 10">
          <a:extLst>
            <a:ext uri="{FF2B5EF4-FFF2-40B4-BE49-F238E27FC236}">
              <a16:creationId xmlns:a16="http://schemas.microsoft.com/office/drawing/2014/main" id="{25A0B96C-ADAB-00F2-06B3-3F46AE52127B}"/>
            </a:ext>
          </a:extLst>
        </xdr:cNvPr>
        <xdr:cNvPicPr>
          <a:picLocks noChangeAspect="1" noChangeArrowheads="1"/>
        </xdr:cNvPicPr>
      </xdr:nvPicPr>
      <xdr:blipFill>
        <a:blip xmlns:r="http://schemas.openxmlformats.org/officeDocument/2006/relationships" r:embed="rId3">
          <a:extLst>
            <a:ext uri="{28A0092B-C50C-407E-A947-70E740481C1C}">
              <a14:useLocalDpi xmlns:a14="http://schemas.microsoft.com/office/drawing/2010/main" val="0"/>
            </a:ext>
          </a:extLst>
        </a:blip>
        <a:srcRect/>
        <a:stretch>
          <a:fillRect/>
        </a:stretch>
      </xdr:blipFill>
      <xdr:spPr bwMode="auto">
        <a:xfrm>
          <a:off x="209550" y="45129450"/>
          <a:ext cx="5410200" cy="4900613"/>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0</xdr:colOff>
      <xdr:row>334</xdr:row>
      <xdr:rowOff>0</xdr:rowOff>
    </xdr:from>
    <xdr:to>
      <xdr:col>15</xdr:col>
      <xdr:colOff>4763</xdr:colOff>
      <xdr:row>345</xdr:row>
      <xdr:rowOff>80963</xdr:rowOff>
    </xdr:to>
    <xdr:pic>
      <xdr:nvPicPr>
        <xdr:cNvPr id="12" name="図 11">
          <a:extLst>
            <a:ext uri="{FF2B5EF4-FFF2-40B4-BE49-F238E27FC236}">
              <a16:creationId xmlns:a16="http://schemas.microsoft.com/office/drawing/2014/main" id="{5701F5F6-F025-14E1-1C28-F62A0D3D0286}"/>
            </a:ext>
          </a:extLst>
        </xdr:cNvPr>
        <xdr:cNvPicPr>
          <a:picLocks noChangeAspect="1" noChangeArrowheads="1"/>
        </xdr:cNvPicPr>
      </xdr:nvPicPr>
      <xdr:blipFill>
        <a:blip xmlns:r="http://schemas.openxmlformats.org/officeDocument/2006/relationships" r:embed="rId4">
          <a:extLst>
            <a:ext uri="{28A0092B-C50C-407E-A947-70E740481C1C}">
              <a14:useLocalDpi xmlns:a14="http://schemas.microsoft.com/office/drawing/2010/main" val="0"/>
            </a:ext>
          </a:extLst>
        </a:blip>
        <a:srcRect/>
        <a:stretch>
          <a:fillRect/>
        </a:stretch>
      </xdr:blipFill>
      <xdr:spPr bwMode="auto">
        <a:xfrm>
          <a:off x="5843588" y="73837800"/>
          <a:ext cx="5781675" cy="2386013"/>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0</xdr:colOff>
      <xdr:row>346</xdr:row>
      <xdr:rowOff>0</xdr:rowOff>
    </xdr:from>
    <xdr:to>
      <xdr:col>15</xdr:col>
      <xdr:colOff>4763</xdr:colOff>
      <xdr:row>349</xdr:row>
      <xdr:rowOff>90488</xdr:rowOff>
    </xdr:to>
    <xdr:pic>
      <xdr:nvPicPr>
        <xdr:cNvPr id="14" name="図 13">
          <a:extLst>
            <a:ext uri="{FF2B5EF4-FFF2-40B4-BE49-F238E27FC236}">
              <a16:creationId xmlns:a16="http://schemas.microsoft.com/office/drawing/2014/main" id="{DE2D1048-B61B-4498-D773-D6F9814F22BE}"/>
            </a:ext>
          </a:extLst>
        </xdr:cNvPr>
        <xdr:cNvPicPr>
          <a:picLocks noChangeAspect="1" noChangeArrowheads="1"/>
        </xdr:cNvPicPr>
      </xdr:nvPicPr>
      <xdr:blipFill>
        <a:blip xmlns:r="http://schemas.openxmlformats.org/officeDocument/2006/relationships" r:embed="rId5">
          <a:extLst>
            <a:ext uri="{28A0092B-C50C-407E-A947-70E740481C1C}">
              <a14:useLocalDpi xmlns:a14="http://schemas.microsoft.com/office/drawing/2010/main" val="0"/>
            </a:ext>
          </a:extLst>
        </a:blip>
        <a:srcRect/>
        <a:stretch>
          <a:fillRect/>
        </a:stretch>
      </xdr:blipFill>
      <xdr:spPr bwMode="auto">
        <a:xfrm>
          <a:off x="5843588" y="76352400"/>
          <a:ext cx="5781675" cy="719138"/>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0</xdr:colOff>
      <xdr:row>368</xdr:row>
      <xdr:rowOff>47630</xdr:rowOff>
    </xdr:from>
    <xdr:to>
      <xdr:col>15</xdr:col>
      <xdr:colOff>4763</xdr:colOff>
      <xdr:row>409</xdr:row>
      <xdr:rowOff>33343</xdr:rowOff>
    </xdr:to>
    <xdr:pic>
      <xdr:nvPicPr>
        <xdr:cNvPr id="15" name="図 14">
          <a:extLst>
            <a:ext uri="{FF2B5EF4-FFF2-40B4-BE49-F238E27FC236}">
              <a16:creationId xmlns:a16="http://schemas.microsoft.com/office/drawing/2014/main" id="{253A402C-F6A8-3C16-1E30-6E197BC62683}"/>
            </a:ext>
          </a:extLst>
        </xdr:cNvPr>
        <xdr:cNvPicPr>
          <a:picLocks noChangeAspect="1" noChangeArrowheads="1"/>
        </xdr:cNvPicPr>
      </xdr:nvPicPr>
      <xdr:blipFill>
        <a:blip xmlns:r="http://schemas.openxmlformats.org/officeDocument/2006/relationships" r:embed="rId6">
          <a:extLst>
            <a:ext uri="{28A0092B-C50C-407E-A947-70E740481C1C}">
              <a14:useLocalDpi xmlns:a14="http://schemas.microsoft.com/office/drawing/2010/main" val="0"/>
            </a:ext>
          </a:extLst>
        </a:blip>
        <a:srcRect/>
        <a:stretch>
          <a:fillRect/>
        </a:stretch>
      </xdr:blipFill>
      <xdr:spPr bwMode="auto">
        <a:xfrm>
          <a:off x="5843588" y="80381480"/>
          <a:ext cx="5781675" cy="8577263"/>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0</xdr:colOff>
      <xdr:row>350</xdr:row>
      <xdr:rowOff>0</xdr:rowOff>
    </xdr:from>
    <xdr:to>
      <xdr:col>15</xdr:col>
      <xdr:colOff>4763</xdr:colOff>
      <xdr:row>354</xdr:row>
      <xdr:rowOff>0</xdr:rowOff>
    </xdr:to>
    <xdr:pic>
      <xdr:nvPicPr>
        <xdr:cNvPr id="16" name="図 15">
          <a:extLst>
            <a:ext uri="{FF2B5EF4-FFF2-40B4-BE49-F238E27FC236}">
              <a16:creationId xmlns:a16="http://schemas.microsoft.com/office/drawing/2014/main" id="{7D412858-7283-8677-FF2D-E1CB31B56F18}"/>
            </a:ext>
          </a:extLst>
        </xdr:cNvPr>
        <xdr:cNvPicPr>
          <a:picLocks noChangeAspect="1" noChangeArrowheads="1"/>
        </xdr:cNvPicPr>
      </xdr:nvPicPr>
      <xdr:blipFill>
        <a:blip xmlns:r="http://schemas.openxmlformats.org/officeDocument/2006/relationships" r:embed="rId7">
          <a:extLst>
            <a:ext uri="{28A0092B-C50C-407E-A947-70E740481C1C}">
              <a14:useLocalDpi xmlns:a14="http://schemas.microsoft.com/office/drawing/2010/main" val="0"/>
            </a:ext>
          </a:extLst>
        </a:blip>
        <a:srcRect/>
        <a:stretch>
          <a:fillRect/>
        </a:stretch>
      </xdr:blipFill>
      <xdr:spPr bwMode="auto">
        <a:xfrm>
          <a:off x="5843588" y="77190600"/>
          <a:ext cx="5781675" cy="8382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0</xdr:colOff>
      <xdr:row>415</xdr:row>
      <xdr:rowOff>47630</xdr:rowOff>
    </xdr:from>
    <xdr:to>
      <xdr:col>15</xdr:col>
      <xdr:colOff>4763</xdr:colOff>
      <xdr:row>430</xdr:row>
      <xdr:rowOff>4768</xdr:rowOff>
    </xdr:to>
    <xdr:pic>
      <xdr:nvPicPr>
        <xdr:cNvPr id="17" name="図 16">
          <a:extLst>
            <a:ext uri="{FF2B5EF4-FFF2-40B4-BE49-F238E27FC236}">
              <a16:creationId xmlns:a16="http://schemas.microsoft.com/office/drawing/2014/main" id="{9AD2DE87-EAE1-EC10-EB7F-B2400655B3C7}"/>
            </a:ext>
          </a:extLst>
        </xdr:cNvPr>
        <xdr:cNvPicPr>
          <a:picLocks noChangeAspect="1" noChangeArrowheads="1"/>
        </xdr:cNvPicPr>
      </xdr:nvPicPr>
      <xdr:blipFill>
        <a:blip xmlns:r="http://schemas.openxmlformats.org/officeDocument/2006/relationships" r:embed="rId8">
          <a:extLst>
            <a:ext uri="{28A0092B-C50C-407E-A947-70E740481C1C}">
              <a14:useLocalDpi xmlns:a14="http://schemas.microsoft.com/office/drawing/2010/main" val="0"/>
            </a:ext>
          </a:extLst>
        </a:blip>
        <a:srcRect/>
        <a:stretch>
          <a:fillRect/>
        </a:stretch>
      </xdr:blipFill>
      <xdr:spPr bwMode="auto">
        <a:xfrm>
          <a:off x="5843588" y="90230330"/>
          <a:ext cx="5781675" cy="3100388"/>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0</xdr:colOff>
      <xdr:row>432</xdr:row>
      <xdr:rowOff>47630</xdr:rowOff>
    </xdr:from>
    <xdr:to>
      <xdr:col>15</xdr:col>
      <xdr:colOff>4763</xdr:colOff>
      <xdr:row>452</xdr:row>
      <xdr:rowOff>147643</xdr:rowOff>
    </xdr:to>
    <xdr:pic>
      <xdr:nvPicPr>
        <xdr:cNvPr id="18" name="図 17">
          <a:extLst>
            <a:ext uri="{FF2B5EF4-FFF2-40B4-BE49-F238E27FC236}">
              <a16:creationId xmlns:a16="http://schemas.microsoft.com/office/drawing/2014/main" id="{F75146F9-1349-D4B2-0842-3D5D5B9550D8}"/>
            </a:ext>
          </a:extLst>
        </xdr:cNvPr>
        <xdr:cNvPicPr>
          <a:picLocks noChangeAspect="1" noChangeArrowheads="1"/>
        </xdr:cNvPicPr>
      </xdr:nvPicPr>
      <xdr:blipFill>
        <a:blip xmlns:r="http://schemas.openxmlformats.org/officeDocument/2006/relationships" r:embed="rId9">
          <a:extLst>
            <a:ext uri="{28A0092B-C50C-407E-A947-70E740481C1C}">
              <a14:useLocalDpi xmlns:a14="http://schemas.microsoft.com/office/drawing/2010/main" val="0"/>
            </a:ext>
          </a:extLst>
        </a:blip>
        <a:srcRect/>
        <a:stretch>
          <a:fillRect/>
        </a:stretch>
      </xdr:blipFill>
      <xdr:spPr bwMode="auto">
        <a:xfrm>
          <a:off x="5843588" y="93792680"/>
          <a:ext cx="5781675" cy="4291013"/>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0</xdr:colOff>
      <xdr:row>497</xdr:row>
      <xdr:rowOff>47630</xdr:rowOff>
    </xdr:from>
    <xdr:to>
      <xdr:col>15</xdr:col>
      <xdr:colOff>4763</xdr:colOff>
      <xdr:row>506</xdr:row>
      <xdr:rowOff>71443</xdr:rowOff>
    </xdr:to>
    <xdr:pic>
      <xdr:nvPicPr>
        <xdr:cNvPr id="19" name="図 18">
          <a:extLst>
            <a:ext uri="{FF2B5EF4-FFF2-40B4-BE49-F238E27FC236}">
              <a16:creationId xmlns:a16="http://schemas.microsoft.com/office/drawing/2014/main" id="{EC03FF48-3F82-03FC-A78A-10B288D81AF3}"/>
            </a:ext>
          </a:extLst>
        </xdr:cNvPr>
        <xdr:cNvPicPr>
          <a:picLocks noChangeAspect="1" noChangeArrowheads="1"/>
        </xdr:cNvPicPr>
      </xdr:nvPicPr>
      <xdr:blipFill>
        <a:blip xmlns:r="http://schemas.openxmlformats.org/officeDocument/2006/relationships" r:embed="rId10">
          <a:extLst>
            <a:ext uri="{28A0092B-C50C-407E-A947-70E740481C1C}">
              <a14:useLocalDpi xmlns:a14="http://schemas.microsoft.com/office/drawing/2010/main" val="0"/>
            </a:ext>
          </a:extLst>
        </a:blip>
        <a:srcRect/>
        <a:stretch>
          <a:fillRect/>
        </a:stretch>
      </xdr:blipFill>
      <xdr:spPr bwMode="auto">
        <a:xfrm>
          <a:off x="5843588" y="107413430"/>
          <a:ext cx="5781675" cy="1909763"/>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0</xdr:colOff>
      <xdr:row>461</xdr:row>
      <xdr:rowOff>47630</xdr:rowOff>
    </xdr:from>
    <xdr:to>
      <xdr:col>15</xdr:col>
      <xdr:colOff>4763</xdr:colOff>
      <xdr:row>488</xdr:row>
      <xdr:rowOff>109543</xdr:rowOff>
    </xdr:to>
    <xdr:pic>
      <xdr:nvPicPr>
        <xdr:cNvPr id="20" name="図 19">
          <a:extLst>
            <a:ext uri="{FF2B5EF4-FFF2-40B4-BE49-F238E27FC236}">
              <a16:creationId xmlns:a16="http://schemas.microsoft.com/office/drawing/2014/main" id="{82B51B94-965A-AAE3-2157-D3404E55D309}"/>
            </a:ext>
          </a:extLst>
        </xdr:cNvPr>
        <xdr:cNvPicPr>
          <a:picLocks noChangeAspect="1" noChangeArrowheads="1"/>
        </xdr:cNvPicPr>
      </xdr:nvPicPr>
      <xdr:blipFill>
        <a:blip xmlns:r="http://schemas.openxmlformats.org/officeDocument/2006/relationships" r:embed="rId11">
          <a:extLst>
            <a:ext uri="{28A0092B-C50C-407E-A947-70E740481C1C}">
              <a14:useLocalDpi xmlns:a14="http://schemas.microsoft.com/office/drawing/2010/main" val="0"/>
            </a:ext>
          </a:extLst>
        </a:blip>
        <a:srcRect/>
        <a:stretch>
          <a:fillRect/>
        </a:stretch>
      </xdr:blipFill>
      <xdr:spPr bwMode="auto">
        <a:xfrm>
          <a:off x="5843588" y="99869630"/>
          <a:ext cx="5781675" cy="5719763"/>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0</xdr:colOff>
      <xdr:row>489</xdr:row>
      <xdr:rowOff>47630</xdr:rowOff>
    </xdr:from>
    <xdr:to>
      <xdr:col>15</xdr:col>
      <xdr:colOff>4763</xdr:colOff>
      <xdr:row>496</xdr:row>
      <xdr:rowOff>14293</xdr:rowOff>
    </xdr:to>
    <xdr:pic>
      <xdr:nvPicPr>
        <xdr:cNvPr id="21" name="図 20">
          <a:extLst>
            <a:ext uri="{FF2B5EF4-FFF2-40B4-BE49-F238E27FC236}">
              <a16:creationId xmlns:a16="http://schemas.microsoft.com/office/drawing/2014/main" id="{1C8B4DB8-FDCB-A98D-CEB1-D76CDB7DA235}"/>
            </a:ext>
          </a:extLst>
        </xdr:cNvPr>
        <xdr:cNvPicPr>
          <a:picLocks noChangeAspect="1" noChangeArrowheads="1"/>
        </xdr:cNvPicPr>
      </xdr:nvPicPr>
      <xdr:blipFill>
        <a:blip xmlns:r="http://schemas.openxmlformats.org/officeDocument/2006/relationships" r:embed="rId12">
          <a:extLst>
            <a:ext uri="{28A0092B-C50C-407E-A947-70E740481C1C}">
              <a14:useLocalDpi xmlns:a14="http://schemas.microsoft.com/office/drawing/2010/main" val="0"/>
            </a:ext>
          </a:extLst>
        </a:blip>
        <a:srcRect/>
        <a:stretch>
          <a:fillRect/>
        </a:stretch>
      </xdr:blipFill>
      <xdr:spPr bwMode="auto">
        <a:xfrm>
          <a:off x="5843588" y="105737030"/>
          <a:ext cx="5781675" cy="1433513"/>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0</xdr:colOff>
      <xdr:row>508</xdr:row>
      <xdr:rowOff>47630</xdr:rowOff>
    </xdr:from>
    <xdr:to>
      <xdr:col>15</xdr:col>
      <xdr:colOff>4763</xdr:colOff>
      <xdr:row>539</xdr:row>
      <xdr:rowOff>104780</xdr:rowOff>
    </xdr:to>
    <xdr:pic>
      <xdr:nvPicPr>
        <xdr:cNvPr id="22" name="図 21">
          <a:extLst>
            <a:ext uri="{FF2B5EF4-FFF2-40B4-BE49-F238E27FC236}">
              <a16:creationId xmlns:a16="http://schemas.microsoft.com/office/drawing/2014/main" id="{D95F779F-3149-5418-FED7-D46A9C98626E}"/>
            </a:ext>
          </a:extLst>
        </xdr:cNvPr>
        <xdr:cNvPicPr>
          <a:picLocks noChangeAspect="1" noChangeArrowheads="1"/>
        </xdr:cNvPicPr>
      </xdr:nvPicPr>
      <xdr:blipFill>
        <a:blip xmlns:r="http://schemas.openxmlformats.org/officeDocument/2006/relationships" r:embed="rId13">
          <a:extLst>
            <a:ext uri="{28A0092B-C50C-407E-A947-70E740481C1C}">
              <a14:useLocalDpi xmlns:a14="http://schemas.microsoft.com/office/drawing/2010/main" val="0"/>
            </a:ext>
          </a:extLst>
        </a:blip>
        <a:srcRect/>
        <a:stretch>
          <a:fillRect/>
        </a:stretch>
      </xdr:blipFill>
      <xdr:spPr bwMode="auto">
        <a:xfrm>
          <a:off x="5843588" y="109718480"/>
          <a:ext cx="5781675" cy="65532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0</xdr:colOff>
      <xdr:row>540</xdr:row>
      <xdr:rowOff>47630</xdr:rowOff>
    </xdr:from>
    <xdr:to>
      <xdr:col>15</xdr:col>
      <xdr:colOff>4763</xdr:colOff>
      <xdr:row>554</xdr:row>
      <xdr:rowOff>95255</xdr:rowOff>
    </xdr:to>
    <xdr:pic>
      <xdr:nvPicPr>
        <xdr:cNvPr id="23" name="図 22">
          <a:extLst>
            <a:ext uri="{FF2B5EF4-FFF2-40B4-BE49-F238E27FC236}">
              <a16:creationId xmlns:a16="http://schemas.microsoft.com/office/drawing/2014/main" id="{0E919A44-AA9E-F150-5156-3C2F8811CAFF}"/>
            </a:ext>
          </a:extLst>
        </xdr:cNvPr>
        <xdr:cNvPicPr>
          <a:picLocks noChangeAspect="1" noChangeArrowheads="1"/>
        </xdr:cNvPicPr>
      </xdr:nvPicPr>
      <xdr:blipFill>
        <a:blip xmlns:r="http://schemas.openxmlformats.org/officeDocument/2006/relationships" r:embed="rId14">
          <a:extLst>
            <a:ext uri="{28A0092B-C50C-407E-A947-70E740481C1C}">
              <a14:useLocalDpi xmlns:a14="http://schemas.microsoft.com/office/drawing/2010/main" val="0"/>
            </a:ext>
          </a:extLst>
        </a:blip>
        <a:srcRect/>
        <a:stretch>
          <a:fillRect/>
        </a:stretch>
      </xdr:blipFill>
      <xdr:spPr bwMode="auto">
        <a:xfrm>
          <a:off x="5843588" y="116424080"/>
          <a:ext cx="5781675" cy="29813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0</xdr:colOff>
      <xdr:row>555</xdr:row>
      <xdr:rowOff>47630</xdr:rowOff>
    </xdr:from>
    <xdr:to>
      <xdr:col>15</xdr:col>
      <xdr:colOff>4763</xdr:colOff>
      <xdr:row>576</xdr:row>
      <xdr:rowOff>57155</xdr:rowOff>
    </xdr:to>
    <xdr:pic>
      <xdr:nvPicPr>
        <xdr:cNvPr id="24" name="図 23">
          <a:extLst>
            <a:ext uri="{FF2B5EF4-FFF2-40B4-BE49-F238E27FC236}">
              <a16:creationId xmlns:a16="http://schemas.microsoft.com/office/drawing/2014/main" id="{C2DFDEC4-13CC-D55E-9CFE-7624B9911122}"/>
            </a:ext>
          </a:extLst>
        </xdr:cNvPr>
        <xdr:cNvPicPr>
          <a:picLocks noChangeAspect="1" noChangeArrowheads="1"/>
        </xdr:cNvPicPr>
      </xdr:nvPicPr>
      <xdr:blipFill>
        <a:blip xmlns:r="http://schemas.openxmlformats.org/officeDocument/2006/relationships" r:embed="rId15">
          <a:extLst>
            <a:ext uri="{28A0092B-C50C-407E-A947-70E740481C1C}">
              <a14:useLocalDpi xmlns:a14="http://schemas.microsoft.com/office/drawing/2010/main" val="0"/>
            </a:ext>
          </a:extLst>
        </a:blip>
        <a:srcRect/>
        <a:stretch>
          <a:fillRect/>
        </a:stretch>
      </xdr:blipFill>
      <xdr:spPr bwMode="auto">
        <a:xfrm>
          <a:off x="5843588" y="119567330"/>
          <a:ext cx="5781675" cy="44100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0</xdr:colOff>
      <xdr:row>577</xdr:row>
      <xdr:rowOff>47630</xdr:rowOff>
    </xdr:from>
    <xdr:to>
      <xdr:col>15</xdr:col>
      <xdr:colOff>4763</xdr:colOff>
      <xdr:row>579</xdr:row>
      <xdr:rowOff>109543</xdr:rowOff>
    </xdr:to>
    <xdr:pic>
      <xdr:nvPicPr>
        <xdr:cNvPr id="25" name="図 24">
          <a:extLst>
            <a:ext uri="{FF2B5EF4-FFF2-40B4-BE49-F238E27FC236}">
              <a16:creationId xmlns:a16="http://schemas.microsoft.com/office/drawing/2014/main" id="{0A28B479-C6D7-5747-2CD1-771DB96A7AB8}"/>
            </a:ext>
          </a:extLst>
        </xdr:cNvPr>
        <xdr:cNvPicPr>
          <a:picLocks noChangeAspect="1" noChangeArrowheads="1"/>
        </xdr:cNvPicPr>
      </xdr:nvPicPr>
      <xdr:blipFill>
        <a:blip xmlns:r="http://schemas.openxmlformats.org/officeDocument/2006/relationships" r:embed="rId16">
          <a:extLst>
            <a:ext uri="{28A0092B-C50C-407E-A947-70E740481C1C}">
              <a14:useLocalDpi xmlns:a14="http://schemas.microsoft.com/office/drawing/2010/main" val="0"/>
            </a:ext>
          </a:extLst>
        </a:blip>
        <a:srcRect/>
        <a:stretch>
          <a:fillRect/>
        </a:stretch>
      </xdr:blipFill>
      <xdr:spPr bwMode="auto">
        <a:xfrm>
          <a:off x="5843588" y="124177430"/>
          <a:ext cx="5781675" cy="481013"/>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0</xdr:colOff>
      <xdr:row>581</xdr:row>
      <xdr:rowOff>47630</xdr:rowOff>
    </xdr:from>
    <xdr:to>
      <xdr:col>15</xdr:col>
      <xdr:colOff>4763</xdr:colOff>
      <xdr:row>585</xdr:row>
      <xdr:rowOff>166693</xdr:rowOff>
    </xdr:to>
    <xdr:pic>
      <xdr:nvPicPr>
        <xdr:cNvPr id="26" name="図 25">
          <a:extLst>
            <a:ext uri="{FF2B5EF4-FFF2-40B4-BE49-F238E27FC236}">
              <a16:creationId xmlns:a16="http://schemas.microsoft.com/office/drawing/2014/main" id="{7C641717-129D-2CBF-36F3-7AD617F842A4}"/>
            </a:ext>
          </a:extLst>
        </xdr:cNvPr>
        <xdr:cNvPicPr>
          <a:picLocks noChangeAspect="1" noChangeArrowheads="1"/>
        </xdr:cNvPicPr>
      </xdr:nvPicPr>
      <xdr:blipFill>
        <a:blip xmlns:r="http://schemas.openxmlformats.org/officeDocument/2006/relationships" r:embed="rId17">
          <a:extLst>
            <a:ext uri="{28A0092B-C50C-407E-A947-70E740481C1C}">
              <a14:useLocalDpi xmlns:a14="http://schemas.microsoft.com/office/drawing/2010/main" val="0"/>
            </a:ext>
          </a:extLst>
        </a:blip>
        <a:srcRect/>
        <a:stretch>
          <a:fillRect/>
        </a:stretch>
      </xdr:blipFill>
      <xdr:spPr bwMode="auto">
        <a:xfrm>
          <a:off x="5843588" y="125015630"/>
          <a:ext cx="5781675" cy="957263"/>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0</xdr:colOff>
      <xdr:row>586</xdr:row>
      <xdr:rowOff>47630</xdr:rowOff>
    </xdr:from>
    <xdr:to>
      <xdr:col>15</xdr:col>
      <xdr:colOff>4763</xdr:colOff>
      <xdr:row>601</xdr:row>
      <xdr:rowOff>4768</xdr:rowOff>
    </xdr:to>
    <xdr:pic>
      <xdr:nvPicPr>
        <xdr:cNvPr id="28" name="図 27">
          <a:extLst>
            <a:ext uri="{FF2B5EF4-FFF2-40B4-BE49-F238E27FC236}">
              <a16:creationId xmlns:a16="http://schemas.microsoft.com/office/drawing/2014/main" id="{BB015F24-8867-E9BA-3733-5B7664FCBE9D}"/>
            </a:ext>
          </a:extLst>
        </xdr:cNvPr>
        <xdr:cNvPicPr>
          <a:picLocks noChangeAspect="1" noChangeArrowheads="1"/>
        </xdr:cNvPicPr>
      </xdr:nvPicPr>
      <xdr:blipFill>
        <a:blip xmlns:r="http://schemas.openxmlformats.org/officeDocument/2006/relationships" r:embed="rId18">
          <a:extLst>
            <a:ext uri="{28A0092B-C50C-407E-A947-70E740481C1C}">
              <a14:useLocalDpi xmlns:a14="http://schemas.microsoft.com/office/drawing/2010/main" val="0"/>
            </a:ext>
          </a:extLst>
        </a:blip>
        <a:srcRect/>
        <a:stretch>
          <a:fillRect/>
        </a:stretch>
      </xdr:blipFill>
      <xdr:spPr bwMode="auto">
        <a:xfrm>
          <a:off x="5843588" y="126063380"/>
          <a:ext cx="5781675" cy="3100388"/>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0</xdr:colOff>
      <xdr:row>618</xdr:row>
      <xdr:rowOff>47630</xdr:rowOff>
    </xdr:from>
    <xdr:to>
      <xdr:col>15</xdr:col>
      <xdr:colOff>4763</xdr:colOff>
      <xdr:row>642</xdr:row>
      <xdr:rowOff>142880</xdr:rowOff>
    </xdr:to>
    <xdr:pic>
      <xdr:nvPicPr>
        <xdr:cNvPr id="30" name="図 29">
          <a:extLst>
            <a:ext uri="{FF2B5EF4-FFF2-40B4-BE49-F238E27FC236}">
              <a16:creationId xmlns:a16="http://schemas.microsoft.com/office/drawing/2014/main" id="{3528D6E5-757A-D3B2-4317-24D7CBDE7109}"/>
            </a:ext>
          </a:extLst>
        </xdr:cNvPr>
        <xdr:cNvPicPr>
          <a:picLocks noChangeAspect="1" noChangeArrowheads="1"/>
        </xdr:cNvPicPr>
      </xdr:nvPicPr>
      <xdr:blipFill>
        <a:blip xmlns:r="http://schemas.openxmlformats.org/officeDocument/2006/relationships" r:embed="rId19">
          <a:extLst>
            <a:ext uri="{28A0092B-C50C-407E-A947-70E740481C1C}">
              <a14:useLocalDpi xmlns:a14="http://schemas.microsoft.com/office/drawing/2010/main" val="0"/>
            </a:ext>
          </a:extLst>
        </a:blip>
        <a:srcRect/>
        <a:stretch>
          <a:fillRect/>
        </a:stretch>
      </xdr:blipFill>
      <xdr:spPr bwMode="auto">
        <a:xfrm>
          <a:off x="5843588" y="132768980"/>
          <a:ext cx="5781675" cy="51244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0</xdr:colOff>
      <xdr:row>696</xdr:row>
      <xdr:rowOff>47630</xdr:rowOff>
    </xdr:from>
    <xdr:to>
      <xdr:col>15</xdr:col>
      <xdr:colOff>4763</xdr:colOff>
      <xdr:row>712</xdr:row>
      <xdr:rowOff>33343</xdr:rowOff>
    </xdr:to>
    <xdr:pic>
      <xdr:nvPicPr>
        <xdr:cNvPr id="33" name="図 32">
          <a:extLst>
            <a:ext uri="{FF2B5EF4-FFF2-40B4-BE49-F238E27FC236}">
              <a16:creationId xmlns:a16="http://schemas.microsoft.com/office/drawing/2014/main" id="{7EBD918F-F625-4394-08FC-7FF19A62AD74}"/>
            </a:ext>
          </a:extLst>
        </xdr:cNvPr>
        <xdr:cNvPicPr>
          <a:picLocks noChangeAspect="1" noChangeArrowheads="1"/>
        </xdr:cNvPicPr>
      </xdr:nvPicPr>
      <xdr:blipFill>
        <a:blip xmlns:r="http://schemas.openxmlformats.org/officeDocument/2006/relationships" r:embed="rId20">
          <a:extLst>
            <a:ext uri="{28A0092B-C50C-407E-A947-70E740481C1C}">
              <a14:useLocalDpi xmlns:a14="http://schemas.microsoft.com/office/drawing/2010/main" val="0"/>
            </a:ext>
          </a:extLst>
        </a:blip>
        <a:srcRect/>
        <a:stretch>
          <a:fillRect/>
        </a:stretch>
      </xdr:blipFill>
      <xdr:spPr bwMode="auto">
        <a:xfrm>
          <a:off x="5843588" y="149113880"/>
          <a:ext cx="5781675" cy="3338513"/>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0</xdr:colOff>
      <xdr:row>713</xdr:row>
      <xdr:rowOff>47630</xdr:rowOff>
    </xdr:from>
    <xdr:to>
      <xdr:col>15</xdr:col>
      <xdr:colOff>4763</xdr:colOff>
      <xdr:row>714</xdr:row>
      <xdr:rowOff>200030</xdr:rowOff>
    </xdr:to>
    <xdr:pic>
      <xdr:nvPicPr>
        <xdr:cNvPr id="34" name="図 33">
          <a:extLst>
            <a:ext uri="{FF2B5EF4-FFF2-40B4-BE49-F238E27FC236}">
              <a16:creationId xmlns:a16="http://schemas.microsoft.com/office/drawing/2014/main" id="{45B1E791-D4C2-79A2-D904-5FB9CEB5EFD0}"/>
            </a:ext>
          </a:extLst>
        </xdr:cNvPr>
        <xdr:cNvPicPr>
          <a:picLocks noChangeAspect="1" noChangeArrowheads="1"/>
        </xdr:cNvPicPr>
      </xdr:nvPicPr>
      <xdr:blipFill>
        <a:blip xmlns:r="http://schemas.openxmlformats.org/officeDocument/2006/relationships" r:embed="rId21">
          <a:extLst>
            <a:ext uri="{28A0092B-C50C-407E-A947-70E740481C1C}">
              <a14:useLocalDpi xmlns:a14="http://schemas.microsoft.com/office/drawing/2010/main" val="0"/>
            </a:ext>
          </a:extLst>
        </a:blip>
        <a:srcRect/>
        <a:stretch>
          <a:fillRect/>
        </a:stretch>
      </xdr:blipFill>
      <xdr:spPr bwMode="auto">
        <a:xfrm>
          <a:off x="5843588" y="152676230"/>
          <a:ext cx="5781675" cy="3619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0</xdr:colOff>
      <xdr:row>717</xdr:row>
      <xdr:rowOff>47630</xdr:rowOff>
    </xdr:from>
    <xdr:to>
      <xdr:col>15</xdr:col>
      <xdr:colOff>4763</xdr:colOff>
      <xdr:row>721</xdr:row>
      <xdr:rowOff>166693</xdr:rowOff>
    </xdr:to>
    <xdr:pic>
      <xdr:nvPicPr>
        <xdr:cNvPr id="35" name="図 34">
          <a:extLst>
            <a:ext uri="{FF2B5EF4-FFF2-40B4-BE49-F238E27FC236}">
              <a16:creationId xmlns:a16="http://schemas.microsoft.com/office/drawing/2014/main" id="{4B0E43CB-AD55-690B-303C-61CF29DF7063}"/>
            </a:ext>
          </a:extLst>
        </xdr:cNvPr>
        <xdr:cNvPicPr>
          <a:picLocks noChangeAspect="1" noChangeArrowheads="1"/>
        </xdr:cNvPicPr>
      </xdr:nvPicPr>
      <xdr:blipFill>
        <a:blip xmlns:r="http://schemas.openxmlformats.org/officeDocument/2006/relationships" r:embed="rId22">
          <a:extLst>
            <a:ext uri="{28A0092B-C50C-407E-A947-70E740481C1C}">
              <a14:useLocalDpi xmlns:a14="http://schemas.microsoft.com/office/drawing/2010/main" val="0"/>
            </a:ext>
          </a:extLst>
        </a:blip>
        <a:srcRect/>
        <a:stretch>
          <a:fillRect/>
        </a:stretch>
      </xdr:blipFill>
      <xdr:spPr bwMode="auto">
        <a:xfrm>
          <a:off x="5843588" y="153514430"/>
          <a:ext cx="5781675" cy="957263"/>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0</xdr:colOff>
      <xdr:row>723</xdr:row>
      <xdr:rowOff>47630</xdr:rowOff>
    </xdr:from>
    <xdr:to>
      <xdr:col>15</xdr:col>
      <xdr:colOff>4763</xdr:colOff>
      <xdr:row>735</xdr:row>
      <xdr:rowOff>38105</xdr:rowOff>
    </xdr:to>
    <xdr:pic>
      <xdr:nvPicPr>
        <xdr:cNvPr id="36" name="図 35">
          <a:extLst>
            <a:ext uri="{FF2B5EF4-FFF2-40B4-BE49-F238E27FC236}">
              <a16:creationId xmlns:a16="http://schemas.microsoft.com/office/drawing/2014/main" id="{F55C4D5B-7769-1B6E-34F6-20643D54C946}"/>
            </a:ext>
          </a:extLst>
        </xdr:cNvPr>
        <xdr:cNvPicPr>
          <a:picLocks noChangeAspect="1" noChangeArrowheads="1"/>
        </xdr:cNvPicPr>
      </xdr:nvPicPr>
      <xdr:blipFill>
        <a:blip xmlns:r="http://schemas.openxmlformats.org/officeDocument/2006/relationships" r:embed="rId23">
          <a:extLst>
            <a:ext uri="{28A0092B-C50C-407E-A947-70E740481C1C}">
              <a14:useLocalDpi xmlns:a14="http://schemas.microsoft.com/office/drawing/2010/main" val="0"/>
            </a:ext>
          </a:extLst>
        </a:blip>
        <a:srcRect/>
        <a:stretch>
          <a:fillRect/>
        </a:stretch>
      </xdr:blipFill>
      <xdr:spPr bwMode="auto">
        <a:xfrm>
          <a:off x="5843588" y="154771730"/>
          <a:ext cx="5781675" cy="25050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0</xdr:colOff>
      <xdr:row>736</xdr:row>
      <xdr:rowOff>47630</xdr:rowOff>
    </xdr:from>
    <xdr:to>
      <xdr:col>15</xdr:col>
      <xdr:colOff>4763</xdr:colOff>
      <xdr:row>739</xdr:row>
      <xdr:rowOff>19055</xdr:rowOff>
    </xdr:to>
    <xdr:pic>
      <xdr:nvPicPr>
        <xdr:cNvPr id="37" name="図 36">
          <a:extLst>
            <a:ext uri="{FF2B5EF4-FFF2-40B4-BE49-F238E27FC236}">
              <a16:creationId xmlns:a16="http://schemas.microsoft.com/office/drawing/2014/main" id="{BDD5F4CA-F062-C3B1-FBAF-EC8E1AA90250}"/>
            </a:ext>
          </a:extLst>
        </xdr:cNvPr>
        <xdr:cNvPicPr>
          <a:picLocks noChangeAspect="1" noChangeArrowheads="1"/>
        </xdr:cNvPicPr>
      </xdr:nvPicPr>
      <xdr:blipFill>
        <a:blip xmlns:r="http://schemas.openxmlformats.org/officeDocument/2006/relationships" r:embed="rId24">
          <a:extLst>
            <a:ext uri="{28A0092B-C50C-407E-A947-70E740481C1C}">
              <a14:useLocalDpi xmlns:a14="http://schemas.microsoft.com/office/drawing/2010/main" val="0"/>
            </a:ext>
          </a:extLst>
        </a:blip>
        <a:srcRect/>
        <a:stretch>
          <a:fillRect/>
        </a:stretch>
      </xdr:blipFill>
      <xdr:spPr bwMode="auto">
        <a:xfrm>
          <a:off x="5843588" y="157495880"/>
          <a:ext cx="5781675" cy="6000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0</xdr:colOff>
      <xdr:row>743</xdr:row>
      <xdr:rowOff>47630</xdr:rowOff>
    </xdr:from>
    <xdr:to>
      <xdr:col>15</xdr:col>
      <xdr:colOff>4763</xdr:colOff>
      <xdr:row>777</xdr:row>
      <xdr:rowOff>190505</xdr:rowOff>
    </xdr:to>
    <xdr:pic>
      <xdr:nvPicPr>
        <xdr:cNvPr id="38" name="図 37">
          <a:extLst>
            <a:ext uri="{FF2B5EF4-FFF2-40B4-BE49-F238E27FC236}">
              <a16:creationId xmlns:a16="http://schemas.microsoft.com/office/drawing/2014/main" id="{1D239EF4-F672-E8D7-59EF-95A37105A93E}"/>
            </a:ext>
          </a:extLst>
        </xdr:cNvPr>
        <xdr:cNvPicPr>
          <a:picLocks noChangeAspect="1" noChangeArrowheads="1"/>
        </xdr:cNvPicPr>
      </xdr:nvPicPr>
      <xdr:blipFill>
        <a:blip xmlns:r="http://schemas.openxmlformats.org/officeDocument/2006/relationships" r:embed="rId25">
          <a:extLst>
            <a:ext uri="{28A0092B-C50C-407E-A947-70E740481C1C}">
              <a14:useLocalDpi xmlns:a14="http://schemas.microsoft.com/office/drawing/2010/main" val="0"/>
            </a:ext>
          </a:extLst>
        </a:blip>
        <a:srcRect/>
        <a:stretch>
          <a:fillRect/>
        </a:stretch>
      </xdr:blipFill>
      <xdr:spPr bwMode="auto">
        <a:xfrm>
          <a:off x="5843588" y="158962730"/>
          <a:ext cx="5781675" cy="72675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0</xdr:colOff>
      <xdr:row>790</xdr:row>
      <xdr:rowOff>47630</xdr:rowOff>
    </xdr:from>
    <xdr:to>
      <xdr:col>15</xdr:col>
      <xdr:colOff>4763</xdr:colOff>
      <xdr:row>827</xdr:row>
      <xdr:rowOff>157168</xdr:rowOff>
    </xdr:to>
    <xdr:pic>
      <xdr:nvPicPr>
        <xdr:cNvPr id="39" name="図 38">
          <a:extLst>
            <a:ext uri="{FF2B5EF4-FFF2-40B4-BE49-F238E27FC236}">
              <a16:creationId xmlns:a16="http://schemas.microsoft.com/office/drawing/2014/main" id="{42C4D5A8-8384-81E7-9719-9257F6A3EB2B}"/>
            </a:ext>
          </a:extLst>
        </xdr:cNvPr>
        <xdr:cNvPicPr>
          <a:picLocks noChangeAspect="1" noChangeArrowheads="1"/>
        </xdr:cNvPicPr>
      </xdr:nvPicPr>
      <xdr:blipFill>
        <a:blip xmlns:r="http://schemas.openxmlformats.org/officeDocument/2006/relationships" r:embed="rId26">
          <a:extLst>
            <a:ext uri="{28A0092B-C50C-407E-A947-70E740481C1C}">
              <a14:useLocalDpi xmlns:a14="http://schemas.microsoft.com/office/drawing/2010/main" val="0"/>
            </a:ext>
          </a:extLst>
        </a:blip>
        <a:srcRect/>
        <a:stretch>
          <a:fillRect/>
        </a:stretch>
      </xdr:blipFill>
      <xdr:spPr bwMode="auto">
        <a:xfrm>
          <a:off x="5843588" y="168811580"/>
          <a:ext cx="5781675" cy="7862888"/>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0</xdr:colOff>
      <xdr:row>839</xdr:row>
      <xdr:rowOff>0</xdr:rowOff>
    </xdr:from>
    <xdr:to>
      <xdr:col>15</xdr:col>
      <xdr:colOff>4763</xdr:colOff>
      <xdr:row>858</xdr:row>
      <xdr:rowOff>190500</xdr:rowOff>
    </xdr:to>
    <xdr:pic>
      <xdr:nvPicPr>
        <xdr:cNvPr id="40" name="図 39">
          <a:extLst>
            <a:ext uri="{FF2B5EF4-FFF2-40B4-BE49-F238E27FC236}">
              <a16:creationId xmlns:a16="http://schemas.microsoft.com/office/drawing/2014/main" id="{20D1209B-6594-714A-29F6-B6822CB39418}"/>
            </a:ext>
          </a:extLst>
        </xdr:cNvPr>
        <xdr:cNvPicPr>
          <a:picLocks noChangeAspect="1" noChangeArrowheads="1"/>
        </xdr:cNvPicPr>
      </xdr:nvPicPr>
      <xdr:blipFill>
        <a:blip xmlns:r="http://schemas.openxmlformats.org/officeDocument/2006/relationships" r:embed="rId27">
          <a:extLst>
            <a:ext uri="{28A0092B-C50C-407E-A947-70E740481C1C}">
              <a14:useLocalDpi xmlns:a14="http://schemas.microsoft.com/office/drawing/2010/main" val="0"/>
            </a:ext>
          </a:extLst>
        </a:blip>
        <a:srcRect/>
        <a:stretch>
          <a:fillRect/>
        </a:stretch>
      </xdr:blipFill>
      <xdr:spPr bwMode="auto">
        <a:xfrm>
          <a:off x="5843588" y="179031900"/>
          <a:ext cx="5781675" cy="41719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0</xdr:colOff>
      <xdr:row>226</xdr:row>
      <xdr:rowOff>47630</xdr:rowOff>
    </xdr:from>
    <xdr:to>
      <xdr:col>15</xdr:col>
      <xdr:colOff>4763</xdr:colOff>
      <xdr:row>272</xdr:row>
      <xdr:rowOff>138118</xdr:rowOff>
    </xdr:to>
    <xdr:pic>
      <xdr:nvPicPr>
        <xdr:cNvPr id="44" name="図 43">
          <a:extLst>
            <a:ext uri="{FF2B5EF4-FFF2-40B4-BE49-F238E27FC236}">
              <a16:creationId xmlns:a16="http://schemas.microsoft.com/office/drawing/2014/main" id="{52E5F6E6-7099-EE91-F8E1-29EFBD8F8CEE}"/>
            </a:ext>
          </a:extLst>
        </xdr:cNvPr>
        <xdr:cNvPicPr>
          <a:picLocks noChangeAspect="1" noChangeArrowheads="1"/>
        </xdr:cNvPicPr>
      </xdr:nvPicPr>
      <xdr:blipFill>
        <a:blip xmlns:r="http://schemas.openxmlformats.org/officeDocument/2006/relationships" r:embed="rId28">
          <a:extLst>
            <a:ext uri="{28A0092B-C50C-407E-A947-70E740481C1C}">
              <a14:useLocalDpi xmlns:a14="http://schemas.microsoft.com/office/drawing/2010/main" val="0"/>
            </a:ext>
          </a:extLst>
        </a:blip>
        <a:srcRect/>
        <a:stretch>
          <a:fillRect/>
        </a:stretch>
      </xdr:blipFill>
      <xdr:spPr bwMode="auto">
        <a:xfrm>
          <a:off x="5843588" y="50625380"/>
          <a:ext cx="5781675" cy="9729788"/>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14288</xdr:colOff>
      <xdr:row>235</xdr:row>
      <xdr:rowOff>133349</xdr:rowOff>
    </xdr:from>
    <xdr:to>
      <xdr:col>14</xdr:col>
      <xdr:colOff>2590801</xdr:colOff>
      <xdr:row>244</xdr:row>
      <xdr:rowOff>147637</xdr:rowOff>
    </xdr:to>
    <xdr:pic>
      <xdr:nvPicPr>
        <xdr:cNvPr id="45" name="図 44">
          <a:extLst>
            <a:ext uri="{FF2B5EF4-FFF2-40B4-BE49-F238E27FC236}">
              <a16:creationId xmlns:a16="http://schemas.microsoft.com/office/drawing/2014/main" id="{05234E1A-B447-8AB7-CA96-6A9BAEF9818F}"/>
            </a:ext>
          </a:extLst>
        </xdr:cNvPr>
        <xdr:cNvPicPr>
          <a:picLocks noChangeAspect="1" noChangeArrowheads="1"/>
        </xdr:cNvPicPr>
      </xdr:nvPicPr>
      <xdr:blipFill>
        <a:blip xmlns:r="http://schemas.openxmlformats.org/officeDocument/2006/relationships" r:embed="rId29">
          <a:extLst>
            <a:ext uri="{28A0092B-C50C-407E-A947-70E740481C1C}">
              <a14:useLocalDpi xmlns:a14="http://schemas.microsoft.com/office/drawing/2010/main" val="0"/>
            </a:ext>
          </a:extLst>
        </a:blip>
        <a:srcRect/>
        <a:stretch>
          <a:fillRect/>
        </a:stretch>
      </xdr:blipFill>
      <xdr:spPr bwMode="auto">
        <a:xfrm>
          <a:off x="5857876" y="52597049"/>
          <a:ext cx="2576513" cy="1900238"/>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0</xdr:colOff>
      <xdr:row>884</xdr:row>
      <xdr:rowOff>38104</xdr:rowOff>
    </xdr:from>
    <xdr:to>
      <xdr:col>15</xdr:col>
      <xdr:colOff>4763</xdr:colOff>
      <xdr:row>909</xdr:row>
      <xdr:rowOff>42867</xdr:rowOff>
    </xdr:to>
    <xdr:pic>
      <xdr:nvPicPr>
        <xdr:cNvPr id="46" name="図 45">
          <a:extLst>
            <a:ext uri="{FF2B5EF4-FFF2-40B4-BE49-F238E27FC236}">
              <a16:creationId xmlns:a16="http://schemas.microsoft.com/office/drawing/2014/main" id="{5B0D8078-56F9-ACEF-BB7E-DEBEDD367D4F}"/>
            </a:ext>
          </a:extLst>
        </xdr:cNvPr>
        <xdr:cNvPicPr>
          <a:picLocks noChangeAspect="1" noChangeArrowheads="1"/>
        </xdr:cNvPicPr>
      </xdr:nvPicPr>
      <xdr:blipFill>
        <a:blip xmlns:r="http://schemas.openxmlformats.org/officeDocument/2006/relationships" r:embed="rId30">
          <a:extLst>
            <a:ext uri="{28A0092B-C50C-407E-A947-70E740481C1C}">
              <a14:useLocalDpi xmlns:a14="http://schemas.microsoft.com/office/drawing/2010/main" val="0"/>
            </a:ext>
          </a:extLst>
        </a:blip>
        <a:srcRect/>
        <a:stretch>
          <a:fillRect/>
        </a:stretch>
      </xdr:blipFill>
      <xdr:spPr bwMode="auto">
        <a:xfrm>
          <a:off x="5843588" y="188499754"/>
          <a:ext cx="5781675" cy="5243513"/>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0</xdr:colOff>
      <xdr:row>910</xdr:row>
      <xdr:rowOff>0</xdr:rowOff>
    </xdr:from>
    <xdr:to>
      <xdr:col>15</xdr:col>
      <xdr:colOff>4763</xdr:colOff>
      <xdr:row>929</xdr:row>
      <xdr:rowOff>71438</xdr:rowOff>
    </xdr:to>
    <xdr:pic>
      <xdr:nvPicPr>
        <xdr:cNvPr id="48" name="図 47">
          <a:extLst>
            <a:ext uri="{FF2B5EF4-FFF2-40B4-BE49-F238E27FC236}">
              <a16:creationId xmlns:a16="http://schemas.microsoft.com/office/drawing/2014/main" id="{DC73156D-CB3C-9C29-442F-8B7671B73CBB}"/>
            </a:ext>
          </a:extLst>
        </xdr:cNvPr>
        <xdr:cNvPicPr>
          <a:picLocks noChangeAspect="1" noChangeArrowheads="1"/>
        </xdr:cNvPicPr>
      </xdr:nvPicPr>
      <xdr:blipFill>
        <a:blip xmlns:r="http://schemas.openxmlformats.org/officeDocument/2006/relationships" r:embed="rId31">
          <a:extLst>
            <a:ext uri="{28A0092B-C50C-407E-A947-70E740481C1C}">
              <a14:useLocalDpi xmlns:a14="http://schemas.microsoft.com/office/drawing/2010/main" val="0"/>
            </a:ext>
          </a:extLst>
        </a:blip>
        <a:srcRect/>
        <a:stretch>
          <a:fillRect/>
        </a:stretch>
      </xdr:blipFill>
      <xdr:spPr bwMode="auto">
        <a:xfrm>
          <a:off x="5843588" y="193909950"/>
          <a:ext cx="5781675" cy="4052888"/>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0</xdr:colOff>
      <xdr:row>931</xdr:row>
      <xdr:rowOff>38104</xdr:rowOff>
    </xdr:from>
    <xdr:to>
      <xdr:col>15</xdr:col>
      <xdr:colOff>4763</xdr:colOff>
      <xdr:row>936</xdr:row>
      <xdr:rowOff>66679</xdr:rowOff>
    </xdr:to>
    <xdr:pic>
      <xdr:nvPicPr>
        <xdr:cNvPr id="49" name="図 48">
          <a:extLst>
            <a:ext uri="{FF2B5EF4-FFF2-40B4-BE49-F238E27FC236}">
              <a16:creationId xmlns:a16="http://schemas.microsoft.com/office/drawing/2014/main" id="{1AFB0438-059D-7089-883F-E8946C3A7916}"/>
            </a:ext>
          </a:extLst>
        </xdr:cNvPr>
        <xdr:cNvPicPr>
          <a:picLocks noChangeAspect="1" noChangeArrowheads="1"/>
        </xdr:cNvPicPr>
      </xdr:nvPicPr>
      <xdr:blipFill>
        <a:blip xmlns:r="http://schemas.openxmlformats.org/officeDocument/2006/relationships" r:embed="rId32">
          <a:extLst>
            <a:ext uri="{28A0092B-C50C-407E-A947-70E740481C1C}">
              <a14:useLocalDpi xmlns:a14="http://schemas.microsoft.com/office/drawing/2010/main" val="0"/>
            </a:ext>
          </a:extLst>
        </a:blip>
        <a:srcRect/>
        <a:stretch>
          <a:fillRect/>
        </a:stretch>
      </xdr:blipFill>
      <xdr:spPr bwMode="auto">
        <a:xfrm>
          <a:off x="5843588" y="198348604"/>
          <a:ext cx="5781675" cy="10763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0</xdr:colOff>
      <xdr:row>937</xdr:row>
      <xdr:rowOff>0</xdr:rowOff>
    </xdr:from>
    <xdr:to>
      <xdr:col>15</xdr:col>
      <xdr:colOff>4763</xdr:colOff>
      <xdr:row>942</xdr:row>
      <xdr:rowOff>28575</xdr:rowOff>
    </xdr:to>
    <xdr:pic>
      <xdr:nvPicPr>
        <xdr:cNvPr id="50" name="図 49">
          <a:extLst>
            <a:ext uri="{FF2B5EF4-FFF2-40B4-BE49-F238E27FC236}">
              <a16:creationId xmlns:a16="http://schemas.microsoft.com/office/drawing/2014/main" id="{5A1A7C17-2A63-F0CD-6726-505CB1D1F396}"/>
            </a:ext>
          </a:extLst>
        </xdr:cNvPr>
        <xdr:cNvPicPr>
          <a:picLocks noChangeAspect="1" noChangeArrowheads="1"/>
        </xdr:cNvPicPr>
      </xdr:nvPicPr>
      <xdr:blipFill>
        <a:blip xmlns:r="http://schemas.openxmlformats.org/officeDocument/2006/relationships" r:embed="rId33">
          <a:extLst>
            <a:ext uri="{28A0092B-C50C-407E-A947-70E740481C1C}">
              <a14:useLocalDpi xmlns:a14="http://schemas.microsoft.com/office/drawing/2010/main" val="0"/>
            </a:ext>
          </a:extLst>
        </a:blip>
        <a:srcRect/>
        <a:stretch>
          <a:fillRect/>
        </a:stretch>
      </xdr:blipFill>
      <xdr:spPr bwMode="auto">
        <a:xfrm>
          <a:off x="5843588" y="199567800"/>
          <a:ext cx="5781675" cy="10763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0</xdr:colOff>
      <xdr:row>952</xdr:row>
      <xdr:rowOff>0</xdr:rowOff>
    </xdr:from>
    <xdr:to>
      <xdr:col>15</xdr:col>
      <xdr:colOff>4763</xdr:colOff>
      <xdr:row>973</xdr:row>
      <xdr:rowOff>9525</xdr:rowOff>
    </xdr:to>
    <xdr:pic>
      <xdr:nvPicPr>
        <xdr:cNvPr id="51" name="図 50">
          <a:extLst>
            <a:ext uri="{FF2B5EF4-FFF2-40B4-BE49-F238E27FC236}">
              <a16:creationId xmlns:a16="http://schemas.microsoft.com/office/drawing/2014/main" id="{2948465C-6648-049F-3001-87BA52634C2E}"/>
            </a:ext>
          </a:extLst>
        </xdr:cNvPr>
        <xdr:cNvPicPr>
          <a:picLocks noChangeAspect="1" noChangeArrowheads="1"/>
        </xdr:cNvPicPr>
      </xdr:nvPicPr>
      <xdr:blipFill>
        <a:blip xmlns:r="http://schemas.openxmlformats.org/officeDocument/2006/relationships" r:embed="rId34">
          <a:extLst>
            <a:ext uri="{28A0092B-C50C-407E-A947-70E740481C1C}">
              <a14:useLocalDpi xmlns:a14="http://schemas.microsoft.com/office/drawing/2010/main" val="0"/>
            </a:ext>
          </a:extLst>
        </a:blip>
        <a:srcRect/>
        <a:stretch>
          <a:fillRect/>
        </a:stretch>
      </xdr:blipFill>
      <xdr:spPr bwMode="auto">
        <a:xfrm>
          <a:off x="5843588" y="202291950"/>
          <a:ext cx="5781675" cy="44100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0</xdr:colOff>
      <xdr:row>1025</xdr:row>
      <xdr:rowOff>38104</xdr:rowOff>
    </xdr:from>
    <xdr:to>
      <xdr:col>15</xdr:col>
      <xdr:colOff>4763</xdr:colOff>
      <xdr:row>1041</xdr:row>
      <xdr:rowOff>23817</xdr:rowOff>
    </xdr:to>
    <xdr:pic>
      <xdr:nvPicPr>
        <xdr:cNvPr id="53" name="図 52">
          <a:extLst>
            <a:ext uri="{FF2B5EF4-FFF2-40B4-BE49-F238E27FC236}">
              <a16:creationId xmlns:a16="http://schemas.microsoft.com/office/drawing/2014/main" id="{8A7F3059-04F2-4E2C-C44F-A4E7DCFD3A8E}"/>
            </a:ext>
          </a:extLst>
        </xdr:cNvPr>
        <xdr:cNvPicPr>
          <a:picLocks noChangeAspect="1" noChangeArrowheads="1"/>
        </xdr:cNvPicPr>
      </xdr:nvPicPr>
      <xdr:blipFill>
        <a:blip xmlns:r="http://schemas.openxmlformats.org/officeDocument/2006/relationships" r:embed="rId35">
          <a:extLst>
            <a:ext uri="{28A0092B-C50C-407E-A947-70E740481C1C}">
              <a14:useLocalDpi xmlns:a14="http://schemas.microsoft.com/office/drawing/2010/main" val="0"/>
            </a:ext>
          </a:extLst>
        </a:blip>
        <a:srcRect/>
        <a:stretch>
          <a:fillRect/>
        </a:stretch>
      </xdr:blipFill>
      <xdr:spPr bwMode="auto">
        <a:xfrm>
          <a:off x="5843588" y="218046304"/>
          <a:ext cx="5781675" cy="3338513"/>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0</xdr:colOff>
      <xdr:row>1042</xdr:row>
      <xdr:rowOff>0</xdr:rowOff>
    </xdr:from>
    <xdr:to>
      <xdr:col>15</xdr:col>
      <xdr:colOff>4763</xdr:colOff>
      <xdr:row>1066</xdr:row>
      <xdr:rowOff>95250</xdr:rowOff>
    </xdr:to>
    <xdr:pic>
      <xdr:nvPicPr>
        <xdr:cNvPr id="3" name="図 2">
          <a:extLst>
            <a:ext uri="{FF2B5EF4-FFF2-40B4-BE49-F238E27FC236}">
              <a16:creationId xmlns:a16="http://schemas.microsoft.com/office/drawing/2014/main" id="{3CDF437D-8315-9564-8F26-747AEA9FEFD5}"/>
            </a:ext>
          </a:extLst>
        </xdr:cNvPr>
        <xdr:cNvPicPr>
          <a:picLocks noChangeAspect="1" noChangeArrowheads="1"/>
        </xdr:cNvPicPr>
      </xdr:nvPicPr>
      <xdr:blipFill>
        <a:blip xmlns:r="http://schemas.openxmlformats.org/officeDocument/2006/relationships" r:embed="rId36">
          <a:extLst>
            <a:ext uri="{28A0092B-C50C-407E-A947-70E740481C1C}">
              <a14:useLocalDpi xmlns:a14="http://schemas.microsoft.com/office/drawing/2010/main" val="0"/>
            </a:ext>
          </a:extLst>
        </a:blip>
        <a:srcRect/>
        <a:stretch>
          <a:fillRect/>
        </a:stretch>
      </xdr:blipFill>
      <xdr:spPr bwMode="auto">
        <a:xfrm>
          <a:off x="5843588" y="221570550"/>
          <a:ext cx="5781675" cy="51244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0</xdr:colOff>
      <xdr:row>1072</xdr:row>
      <xdr:rowOff>33341</xdr:rowOff>
    </xdr:from>
    <xdr:to>
      <xdr:col>15</xdr:col>
      <xdr:colOff>4763</xdr:colOff>
      <xdr:row>1106</xdr:row>
      <xdr:rowOff>176216</xdr:rowOff>
    </xdr:to>
    <xdr:pic>
      <xdr:nvPicPr>
        <xdr:cNvPr id="4" name="図 3">
          <a:extLst>
            <a:ext uri="{FF2B5EF4-FFF2-40B4-BE49-F238E27FC236}">
              <a16:creationId xmlns:a16="http://schemas.microsoft.com/office/drawing/2014/main" id="{676BB90C-357A-23C8-A08E-97F3672A03DC}"/>
            </a:ext>
          </a:extLst>
        </xdr:cNvPr>
        <xdr:cNvPicPr>
          <a:picLocks noChangeAspect="1" noChangeArrowheads="1"/>
        </xdr:cNvPicPr>
      </xdr:nvPicPr>
      <xdr:blipFill>
        <a:blip xmlns:r="http://schemas.openxmlformats.org/officeDocument/2006/relationships" r:embed="rId37">
          <a:extLst>
            <a:ext uri="{28A0092B-C50C-407E-A947-70E740481C1C}">
              <a14:useLocalDpi xmlns:a14="http://schemas.microsoft.com/office/drawing/2010/main" val="0"/>
            </a:ext>
          </a:extLst>
        </a:blip>
        <a:srcRect/>
        <a:stretch>
          <a:fillRect/>
        </a:stretch>
      </xdr:blipFill>
      <xdr:spPr bwMode="auto">
        <a:xfrm>
          <a:off x="5843588" y="227890391"/>
          <a:ext cx="5781675" cy="72675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0</xdr:colOff>
      <xdr:row>1120</xdr:row>
      <xdr:rowOff>0</xdr:rowOff>
    </xdr:from>
    <xdr:to>
      <xdr:col>15</xdr:col>
      <xdr:colOff>4763</xdr:colOff>
      <xdr:row>1157</xdr:row>
      <xdr:rowOff>109538</xdr:rowOff>
    </xdr:to>
    <xdr:pic>
      <xdr:nvPicPr>
        <xdr:cNvPr id="5" name="図 4">
          <a:extLst>
            <a:ext uri="{FF2B5EF4-FFF2-40B4-BE49-F238E27FC236}">
              <a16:creationId xmlns:a16="http://schemas.microsoft.com/office/drawing/2014/main" id="{B0597810-F85C-0E66-5A72-6C5A69D442F3}"/>
            </a:ext>
          </a:extLst>
        </xdr:cNvPr>
        <xdr:cNvPicPr>
          <a:picLocks noChangeAspect="1" noChangeArrowheads="1"/>
        </xdr:cNvPicPr>
      </xdr:nvPicPr>
      <xdr:blipFill>
        <a:blip xmlns:r="http://schemas.openxmlformats.org/officeDocument/2006/relationships" r:embed="rId38">
          <a:extLst>
            <a:ext uri="{28A0092B-C50C-407E-A947-70E740481C1C}">
              <a14:useLocalDpi xmlns:a14="http://schemas.microsoft.com/office/drawing/2010/main" val="0"/>
            </a:ext>
          </a:extLst>
        </a:blip>
        <a:srcRect/>
        <a:stretch>
          <a:fillRect/>
        </a:stretch>
      </xdr:blipFill>
      <xdr:spPr bwMode="auto">
        <a:xfrm>
          <a:off x="5843588" y="237915450"/>
          <a:ext cx="5781675" cy="7862888"/>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0</xdr:colOff>
      <xdr:row>1166</xdr:row>
      <xdr:rowOff>33341</xdr:rowOff>
    </xdr:from>
    <xdr:to>
      <xdr:col>15</xdr:col>
      <xdr:colOff>4763</xdr:colOff>
      <xdr:row>1194</xdr:row>
      <xdr:rowOff>4766</xdr:rowOff>
    </xdr:to>
    <xdr:pic>
      <xdr:nvPicPr>
        <xdr:cNvPr id="9" name="図 8">
          <a:extLst>
            <a:ext uri="{FF2B5EF4-FFF2-40B4-BE49-F238E27FC236}">
              <a16:creationId xmlns:a16="http://schemas.microsoft.com/office/drawing/2014/main" id="{71F862C3-0158-AC7B-FFEA-870348333869}"/>
            </a:ext>
          </a:extLst>
        </xdr:cNvPr>
        <xdr:cNvPicPr>
          <a:picLocks noChangeAspect="1" noChangeArrowheads="1"/>
        </xdr:cNvPicPr>
      </xdr:nvPicPr>
      <xdr:blipFill>
        <a:blip xmlns:r="http://schemas.openxmlformats.org/officeDocument/2006/relationships" r:embed="rId39">
          <a:extLst>
            <a:ext uri="{28A0092B-C50C-407E-A947-70E740481C1C}">
              <a14:useLocalDpi xmlns:a14="http://schemas.microsoft.com/office/drawing/2010/main" val="0"/>
            </a:ext>
          </a:extLst>
        </a:blip>
        <a:srcRect/>
        <a:stretch>
          <a:fillRect/>
        </a:stretch>
      </xdr:blipFill>
      <xdr:spPr bwMode="auto">
        <a:xfrm>
          <a:off x="5843588" y="247588091"/>
          <a:ext cx="5781675" cy="58388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0</xdr:colOff>
      <xdr:row>1213</xdr:row>
      <xdr:rowOff>33341</xdr:rowOff>
    </xdr:from>
    <xdr:to>
      <xdr:col>15</xdr:col>
      <xdr:colOff>4763</xdr:colOff>
      <xdr:row>1233</xdr:row>
      <xdr:rowOff>133354</xdr:rowOff>
    </xdr:to>
    <xdr:pic>
      <xdr:nvPicPr>
        <xdr:cNvPr id="13" name="図 12">
          <a:extLst>
            <a:ext uri="{FF2B5EF4-FFF2-40B4-BE49-F238E27FC236}">
              <a16:creationId xmlns:a16="http://schemas.microsoft.com/office/drawing/2014/main" id="{7F625D3B-37FB-6011-EC70-8BC351C88E86}"/>
            </a:ext>
          </a:extLst>
        </xdr:cNvPr>
        <xdr:cNvPicPr>
          <a:picLocks noChangeAspect="1" noChangeArrowheads="1"/>
        </xdr:cNvPicPr>
      </xdr:nvPicPr>
      <xdr:blipFill>
        <a:blip xmlns:r="http://schemas.openxmlformats.org/officeDocument/2006/relationships" r:embed="rId40">
          <a:extLst>
            <a:ext uri="{28A0092B-C50C-407E-A947-70E740481C1C}">
              <a14:useLocalDpi xmlns:a14="http://schemas.microsoft.com/office/drawing/2010/main" val="0"/>
            </a:ext>
          </a:extLst>
        </a:blip>
        <a:srcRect/>
        <a:stretch>
          <a:fillRect/>
        </a:stretch>
      </xdr:blipFill>
      <xdr:spPr bwMode="auto">
        <a:xfrm>
          <a:off x="5843588" y="257436941"/>
          <a:ext cx="5781675" cy="4291013"/>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0</xdr:colOff>
      <xdr:row>134</xdr:row>
      <xdr:rowOff>0</xdr:rowOff>
    </xdr:from>
    <xdr:to>
      <xdr:col>15</xdr:col>
      <xdr:colOff>4763</xdr:colOff>
      <xdr:row>140</xdr:row>
      <xdr:rowOff>57150</xdr:rowOff>
    </xdr:to>
    <xdr:pic>
      <xdr:nvPicPr>
        <xdr:cNvPr id="27" name="図 26">
          <a:extLst>
            <a:ext uri="{FF2B5EF4-FFF2-40B4-BE49-F238E27FC236}">
              <a16:creationId xmlns:a16="http://schemas.microsoft.com/office/drawing/2014/main" id="{3D854BC0-81D4-B431-D317-A7EF6927C73F}"/>
            </a:ext>
          </a:extLst>
        </xdr:cNvPr>
        <xdr:cNvPicPr>
          <a:picLocks noChangeAspect="1" noChangeArrowheads="1"/>
        </xdr:cNvPicPr>
      </xdr:nvPicPr>
      <xdr:blipFill>
        <a:blip xmlns:r="http://schemas.openxmlformats.org/officeDocument/2006/relationships" r:embed="rId41">
          <a:extLst>
            <a:ext uri="{28A0092B-C50C-407E-A947-70E740481C1C}">
              <a14:useLocalDpi xmlns:a14="http://schemas.microsoft.com/office/drawing/2010/main" val="0"/>
            </a:ext>
          </a:extLst>
        </a:blip>
        <a:srcRect/>
        <a:stretch>
          <a:fillRect/>
        </a:stretch>
      </xdr:blipFill>
      <xdr:spPr bwMode="auto">
        <a:xfrm>
          <a:off x="5843588" y="31299150"/>
          <a:ext cx="5781675" cy="13144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0</xdr:colOff>
      <xdr:row>180</xdr:row>
      <xdr:rowOff>33341</xdr:rowOff>
    </xdr:from>
    <xdr:to>
      <xdr:col>15</xdr:col>
      <xdr:colOff>4763</xdr:colOff>
      <xdr:row>223</xdr:row>
      <xdr:rowOff>195266</xdr:rowOff>
    </xdr:to>
    <xdr:pic>
      <xdr:nvPicPr>
        <xdr:cNvPr id="41" name="図 40">
          <a:extLst>
            <a:ext uri="{FF2B5EF4-FFF2-40B4-BE49-F238E27FC236}">
              <a16:creationId xmlns:a16="http://schemas.microsoft.com/office/drawing/2014/main" id="{EE2D8226-AABC-118F-29C6-C41B1080EF29}"/>
            </a:ext>
          </a:extLst>
        </xdr:cNvPr>
        <xdr:cNvPicPr>
          <a:picLocks noChangeAspect="1" noChangeArrowheads="1"/>
        </xdr:cNvPicPr>
      </xdr:nvPicPr>
      <xdr:blipFill>
        <a:blip xmlns:r="http://schemas.openxmlformats.org/officeDocument/2006/relationships" r:embed="rId42">
          <a:extLst>
            <a:ext uri="{28A0092B-C50C-407E-A947-70E740481C1C}">
              <a14:useLocalDpi xmlns:a14="http://schemas.microsoft.com/office/drawing/2010/main" val="0"/>
            </a:ext>
          </a:extLst>
        </a:blip>
        <a:srcRect/>
        <a:stretch>
          <a:fillRect/>
        </a:stretch>
      </xdr:blipFill>
      <xdr:spPr bwMode="auto">
        <a:xfrm>
          <a:off x="5843588" y="40971791"/>
          <a:ext cx="5781675" cy="91725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0</xdr:colOff>
      <xdr:row>320</xdr:row>
      <xdr:rowOff>33341</xdr:rowOff>
    </xdr:from>
    <xdr:to>
      <xdr:col>15</xdr:col>
      <xdr:colOff>4763</xdr:colOff>
      <xdr:row>333</xdr:row>
      <xdr:rowOff>52391</xdr:rowOff>
    </xdr:to>
    <xdr:pic>
      <xdr:nvPicPr>
        <xdr:cNvPr id="42" name="図 41">
          <a:extLst>
            <a:ext uri="{FF2B5EF4-FFF2-40B4-BE49-F238E27FC236}">
              <a16:creationId xmlns:a16="http://schemas.microsoft.com/office/drawing/2014/main" id="{998B3E84-606D-1D8F-C3B3-0218D62E4A9C}"/>
            </a:ext>
          </a:extLst>
        </xdr:cNvPr>
        <xdr:cNvPicPr>
          <a:picLocks noChangeAspect="1" noChangeArrowheads="1"/>
        </xdr:cNvPicPr>
      </xdr:nvPicPr>
      <xdr:blipFill>
        <a:blip xmlns:r="http://schemas.openxmlformats.org/officeDocument/2006/relationships" r:embed="rId43">
          <a:extLst>
            <a:ext uri="{28A0092B-C50C-407E-A947-70E740481C1C}">
              <a14:useLocalDpi xmlns:a14="http://schemas.microsoft.com/office/drawing/2010/main" val="0"/>
            </a:ext>
          </a:extLst>
        </a:blip>
        <a:srcRect/>
        <a:stretch>
          <a:fillRect/>
        </a:stretch>
      </xdr:blipFill>
      <xdr:spPr bwMode="auto">
        <a:xfrm>
          <a:off x="5843588" y="70308791"/>
          <a:ext cx="5781675" cy="27432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0</xdr:colOff>
      <xdr:row>602</xdr:row>
      <xdr:rowOff>33341</xdr:rowOff>
    </xdr:from>
    <xdr:to>
      <xdr:col>15</xdr:col>
      <xdr:colOff>4763</xdr:colOff>
      <xdr:row>616</xdr:row>
      <xdr:rowOff>200029</xdr:rowOff>
    </xdr:to>
    <xdr:pic>
      <xdr:nvPicPr>
        <xdr:cNvPr id="43" name="図 42">
          <a:extLst>
            <a:ext uri="{FF2B5EF4-FFF2-40B4-BE49-F238E27FC236}">
              <a16:creationId xmlns:a16="http://schemas.microsoft.com/office/drawing/2014/main" id="{7EB4ED3B-1DA1-C1DE-EB80-51DFA8553B01}"/>
            </a:ext>
          </a:extLst>
        </xdr:cNvPr>
        <xdr:cNvPicPr>
          <a:picLocks noChangeAspect="1" noChangeArrowheads="1"/>
        </xdr:cNvPicPr>
      </xdr:nvPicPr>
      <xdr:blipFill>
        <a:blip xmlns:r="http://schemas.openxmlformats.org/officeDocument/2006/relationships" r:embed="rId44">
          <a:extLst>
            <a:ext uri="{28A0092B-C50C-407E-A947-70E740481C1C}">
              <a14:useLocalDpi xmlns:a14="http://schemas.microsoft.com/office/drawing/2010/main" val="0"/>
            </a:ext>
          </a:extLst>
        </a:blip>
        <a:srcRect/>
        <a:stretch>
          <a:fillRect/>
        </a:stretch>
      </xdr:blipFill>
      <xdr:spPr bwMode="auto">
        <a:xfrm>
          <a:off x="5843588" y="129401891"/>
          <a:ext cx="5781675" cy="3100388"/>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0</xdr:colOff>
      <xdr:row>649</xdr:row>
      <xdr:rowOff>33341</xdr:rowOff>
    </xdr:from>
    <xdr:to>
      <xdr:col>15</xdr:col>
      <xdr:colOff>4763</xdr:colOff>
      <xdr:row>687</xdr:row>
      <xdr:rowOff>171454</xdr:rowOff>
    </xdr:to>
    <xdr:pic>
      <xdr:nvPicPr>
        <xdr:cNvPr id="47" name="図 46">
          <a:extLst>
            <a:ext uri="{FF2B5EF4-FFF2-40B4-BE49-F238E27FC236}">
              <a16:creationId xmlns:a16="http://schemas.microsoft.com/office/drawing/2014/main" id="{FA294D2C-02BE-CF79-DF1C-E718CB5AE8D7}"/>
            </a:ext>
          </a:extLst>
        </xdr:cNvPr>
        <xdr:cNvPicPr>
          <a:picLocks noChangeAspect="1" noChangeArrowheads="1"/>
        </xdr:cNvPicPr>
      </xdr:nvPicPr>
      <xdr:blipFill>
        <a:blip xmlns:r="http://schemas.openxmlformats.org/officeDocument/2006/relationships" r:embed="rId45">
          <a:extLst>
            <a:ext uri="{28A0092B-C50C-407E-A947-70E740481C1C}">
              <a14:useLocalDpi xmlns:a14="http://schemas.microsoft.com/office/drawing/2010/main" val="0"/>
            </a:ext>
          </a:extLst>
        </a:blip>
        <a:srcRect/>
        <a:stretch>
          <a:fillRect/>
        </a:stretch>
      </xdr:blipFill>
      <xdr:spPr bwMode="auto">
        <a:xfrm>
          <a:off x="5843588" y="139250741"/>
          <a:ext cx="5781675" cy="8101013"/>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4</xdr:col>
      <xdr:colOff>0</xdr:colOff>
      <xdr:row>978</xdr:row>
      <xdr:rowOff>33341</xdr:rowOff>
    </xdr:from>
    <xdr:to>
      <xdr:col>15</xdr:col>
      <xdr:colOff>4763</xdr:colOff>
      <xdr:row>1016</xdr:row>
      <xdr:rowOff>171454</xdr:rowOff>
    </xdr:to>
    <xdr:pic>
      <xdr:nvPicPr>
        <xdr:cNvPr id="6" name="図 5">
          <a:extLst>
            <a:ext uri="{FF2B5EF4-FFF2-40B4-BE49-F238E27FC236}">
              <a16:creationId xmlns:a16="http://schemas.microsoft.com/office/drawing/2014/main" id="{4C3AE498-B8BA-837A-A536-D6384FB7E782}"/>
            </a:ext>
          </a:extLst>
        </xdr:cNvPr>
        <xdr:cNvPicPr>
          <a:picLocks noChangeAspect="1" noChangeArrowheads="1"/>
        </xdr:cNvPicPr>
      </xdr:nvPicPr>
      <xdr:blipFill>
        <a:blip xmlns:r="http://schemas.openxmlformats.org/officeDocument/2006/relationships" r:embed="rId46">
          <a:extLst>
            <a:ext uri="{28A0092B-C50C-407E-A947-70E740481C1C}">
              <a14:useLocalDpi xmlns:a14="http://schemas.microsoft.com/office/drawing/2010/main" val="0"/>
            </a:ext>
          </a:extLst>
        </a:blip>
        <a:srcRect/>
        <a:stretch>
          <a:fillRect/>
        </a:stretch>
      </xdr:blipFill>
      <xdr:spPr bwMode="auto">
        <a:xfrm>
          <a:off x="5843588" y="208192691"/>
          <a:ext cx="5781675" cy="8101013"/>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drawing" Target="../drawings/drawing1.xml"/><Relationship Id="rId2" Type="http://schemas.openxmlformats.org/officeDocument/2006/relationships/printerSettings" Target="../printerSettings/printerSettings1.bin"/><Relationship Id="rId1" Type="http://schemas.openxmlformats.org/officeDocument/2006/relationships/hyperlink" Target="mailto:shidou-houjin@city.kagoshima.lg.jp" TargetMode="External"/></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P1260"/>
  <sheetViews>
    <sheetView tabSelected="1" view="pageBreakPreview" zoomScaleNormal="100" zoomScaleSheetLayoutView="100" workbookViewId="0">
      <selection activeCell="E5" sqref="E5:L5"/>
    </sheetView>
  </sheetViews>
  <sheetFormatPr defaultColWidth="9" defaultRowHeight="16.5" customHeight="1"/>
  <cols>
    <col min="1" max="3" width="1.46484375" style="7" customWidth="1"/>
    <col min="4" max="4" width="14.46484375" style="7" customWidth="1"/>
    <col min="5" max="9" width="7.265625" style="7" customWidth="1"/>
    <col min="10" max="10" width="0.46484375" style="7" customWidth="1"/>
    <col min="11" max="12" width="4.59765625" style="68" customWidth="1"/>
    <col min="13" max="13" width="16.46484375" style="2" customWidth="1"/>
    <col min="14" max="14" width="0.46484375" style="7" customWidth="1"/>
    <col min="15" max="15" width="80.86328125" style="7" customWidth="1"/>
    <col min="16" max="16" width="0.46484375" style="7" customWidth="1"/>
    <col min="17" max="16384" width="9" style="7"/>
  </cols>
  <sheetData>
    <row r="1" spans="1:13" ht="15" customHeight="1">
      <c r="A1" s="377" t="s">
        <v>479</v>
      </c>
      <c r="B1" s="378"/>
      <c r="C1" s="378"/>
      <c r="D1" s="378"/>
      <c r="E1" s="378"/>
      <c r="F1" s="379"/>
      <c r="G1" s="16"/>
    </row>
    <row r="2" spans="1:13" ht="15" customHeight="1">
      <c r="A2" s="380"/>
      <c r="B2" s="381"/>
      <c r="C2" s="381"/>
      <c r="D2" s="381"/>
      <c r="E2" s="381"/>
      <c r="F2" s="382"/>
      <c r="G2" s="16"/>
    </row>
    <row r="3" spans="1:13" ht="15" customHeight="1">
      <c r="A3" s="383"/>
      <c r="B3" s="384"/>
      <c r="C3" s="384"/>
      <c r="D3" s="384"/>
      <c r="E3" s="384"/>
      <c r="F3" s="385"/>
      <c r="G3" s="16"/>
    </row>
    <row r="4" spans="1:13" ht="51" customHeight="1">
      <c r="A4" s="389" t="s">
        <v>567</v>
      </c>
      <c r="B4" s="389"/>
      <c r="C4" s="389"/>
      <c r="D4" s="389"/>
      <c r="E4" s="389"/>
      <c r="F4" s="389"/>
      <c r="G4" s="389"/>
      <c r="H4" s="389"/>
      <c r="I4" s="389"/>
      <c r="J4" s="389"/>
      <c r="K4" s="389"/>
      <c r="L4" s="389"/>
      <c r="M4" s="389"/>
    </row>
    <row r="5" spans="1:13" ht="24" customHeight="1">
      <c r="D5" s="8" t="s">
        <v>93</v>
      </c>
      <c r="E5" s="390"/>
      <c r="F5" s="391"/>
      <c r="G5" s="391"/>
      <c r="H5" s="391"/>
      <c r="I5" s="391"/>
      <c r="J5" s="391"/>
      <c r="K5" s="391"/>
      <c r="L5" s="392"/>
    </row>
    <row r="6" spans="1:13" ht="24" customHeight="1">
      <c r="D6" s="108" t="s">
        <v>293</v>
      </c>
      <c r="E6" s="317"/>
      <c r="F6" s="393"/>
      <c r="G6" s="393"/>
      <c r="H6" s="393"/>
      <c r="I6" s="393"/>
      <c r="J6" s="393"/>
      <c r="K6" s="393"/>
      <c r="L6" s="394"/>
    </row>
    <row r="7" spans="1:13" ht="24" customHeight="1">
      <c r="D7" s="108" t="s">
        <v>299</v>
      </c>
      <c r="E7" s="317"/>
      <c r="F7" s="393"/>
      <c r="G7" s="393"/>
      <c r="H7" s="393"/>
      <c r="I7" s="393"/>
      <c r="J7" s="393"/>
      <c r="K7" s="393"/>
      <c r="L7" s="394"/>
    </row>
    <row r="8" spans="1:13" ht="24" customHeight="1">
      <c r="D8" s="9" t="s">
        <v>94</v>
      </c>
      <c r="E8" s="317"/>
      <c r="F8" s="393"/>
      <c r="G8" s="393"/>
      <c r="H8" s="393"/>
      <c r="I8" s="393"/>
      <c r="J8" s="393"/>
      <c r="K8" s="393"/>
      <c r="L8" s="394"/>
    </row>
    <row r="9" spans="1:13" ht="24" customHeight="1">
      <c r="D9" s="322" t="s">
        <v>292</v>
      </c>
      <c r="E9" s="386" t="s">
        <v>294</v>
      </c>
      <c r="F9" s="387"/>
      <c r="G9" s="387"/>
      <c r="H9" s="387"/>
      <c r="I9" s="387"/>
      <c r="J9" s="387"/>
      <c r="K9" s="387"/>
      <c r="L9" s="388"/>
    </row>
    <row r="10" spans="1:13" ht="24" customHeight="1">
      <c r="D10" s="323"/>
      <c r="E10" s="395" t="s">
        <v>568</v>
      </c>
      <c r="F10" s="396"/>
      <c r="G10" s="396"/>
      <c r="H10" s="396"/>
      <c r="I10" s="396"/>
      <c r="J10" s="396"/>
      <c r="K10" s="396"/>
      <c r="L10" s="397"/>
    </row>
    <row r="11" spans="1:13" ht="24" customHeight="1">
      <c r="D11" s="9" t="s">
        <v>95</v>
      </c>
      <c r="E11" s="317"/>
      <c r="F11" s="393"/>
      <c r="G11" s="393"/>
      <c r="H11" s="393"/>
      <c r="I11" s="393"/>
      <c r="J11" s="393"/>
      <c r="K11" s="393"/>
      <c r="L11" s="394"/>
    </row>
    <row r="12" spans="1:13" ht="24" customHeight="1">
      <c r="D12" s="9" t="s">
        <v>96</v>
      </c>
      <c r="E12" s="317"/>
      <c r="F12" s="393"/>
      <c r="G12" s="393"/>
      <c r="H12" s="393"/>
      <c r="I12" s="393"/>
      <c r="J12" s="393"/>
      <c r="K12" s="393"/>
      <c r="L12" s="394"/>
    </row>
    <row r="13" spans="1:13" ht="24" customHeight="1">
      <c r="D13" s="9" t="s">
        <v>300</v>
      </c>
      <c r="E13" s="317"/>
      <c r="F13" s="393"/>
      <c r="G13" s="393"/>
      <c r="H13" s="393"/>
      <c r="I13" s="393"/>
      <c r="J13" s="393"/>
      <c r="K13" s="393"/>
      <c r="L13" s="394"/>
    </row>
    <row r="14" spans="1:13" ht="24" customHeight="1">
      <c r="D14" s="9" t="s">
        <v>97</v>
      </c>
      <c r="E14" s="317"/>
      <c r="F14" s="393"/>
      <c r="G14" s="393"/>
      <c r="H14" s="393"/>
      <c r="I14" s="393"/>
      <c r="J14" s="393"/>
      <c r="K14" s="393"/>
      <c r="L14" s="394"/>
    </row>
    <row r="15" spans="1:13" ht="24" customHeight="1">
      <c r="D15" s="322" t="s">
        <v>569</v>
      </c>
      <c r="E15" s="315" t="s">
        <v>570</v>
      </c>
      <c r="F15" s="316"/>
      <c r="G15" s="317"/>
      <c r="H15" s="318" t="s">
        <v>571</v>
      </c>
      <c r="I15" s="316"/>
      <c r="J15" s="316"/>
      <c r="K15" s="316"/>
      <c r="L15" s="319"/>
    </row>
    <row r="16" spans="1:13" ht="24" customHeight="1">
      <c r="D16" s="323"/>
      <c r="E16" s="315" t="s">
        <v>570</v>
      </c>
      <c r="F16" s="316"/>
      <c r="G16" s="317"/>
      <c r="H16" s="318" t="s">
        <v>571</v>
      </c>
      <c r="I16" s="316"/>
      <c r="J16" s="316"/>
      <c r="K16" s="316"/>
      <c r="L16" s="319"/>
    </row>
    <row r="17" spans="2:13" ht="24" customHeight="1">
      <c r="D17" s="404" t="s">
        <v>572</v>
      </c>
      <c r="E17" s="315" t="s">
        <v>570</v>
      </c>
      <c r="F17" s="316"/>
      <c r="G17" s="317"/>
      <c r="H17" s="318" t="s">
        <v>571</v>
      </c>
      <c r="I17" s="316"/>
      <c r="J17" s="316"/>
      <c r="K17" s="316"/>
      <c r="L17" s="319"/>
    </row>
    <row r="18" spans="2:13" ht="24" customHeight="1">
      <c r="D18" s="404"/>
      <c r="E18" s="315" t="s">
        <v>570</v>
      </c>
      <c r="F18" s="316"/>
      <c r="G18" s="317"/>
      <c r="H18" s="318" t="s">
        <v>571</v>
      </c>
      <c r="I18" s="316"/>
      <c r="J18" s="316"/>
      <c r="K18" s="316"/>
      <c r="L18" s="319"/>
    </row>
    <row r="19" spans="2:13" ht="24" customHeight="1">
      <c r="D19" s="404"/>
      <c r="E19" s="369" t="s">
        <v>570</v>
      </c>
      <c r="F19" s="316"/>
      <c r="G19" s="317"/>
      <c r="H19" s="318" t="s">
        <v>571</v>
      </c>
      <c r="I19" s="316"/>
      <c r="J19" s="316"/>
      <c r="K19" s="316"/>
      <c r="L19" s="319"/>
    </row>
    <row r="20" spans="2:13" ht="24" customHeight="1">
      <c r="D20" s="405"/>
      <c r="E20" s="370" t="s">
        <v>570</v>
      </c>
      <c r="F20" s="371"/>
      <c r="G20" s="372"/>
      <c r="H20" s="373" t="s">
        <v>571</v>
      </c>
      <c r="I20" s="371"/>
      <c r="J20" s="371"/>
      <c r="K20" s="371"/>
      <c r="L20" s="374"/>
    </row>
    <row r="21" spans="2:13" ht="24" customHeight="1"/>
    <row r="22" spans="2:13" ht="24" customHeight="1"/>
    <row r="23" spans="2:13" ht="24" customHeight="1"/>
    <row r="24" spans="2:13" ht="24" customHeight="1"/>
    <row r="25" spans="2:13" ht="24" customHeight="1"/>
    <row r="26" spans="2:13" ht="24" customHeight="1"/>
    <row r="27" spans="2:13" ht="24" customHeight="1"/>
    <row r="28" spans="2:13" ht="24" customHeight="1">
      <c r="B28" s="7" t="s">
        <v>104</v>
      </c>
    </row>
    <row r="29" spans="2:13" ht="24" customHeight="1">
      <c r="B29" s="417" t="s">
        <v>483</v>
      </c>
      <c r="C29" s="418"/>
      <c r="D29" s="419"/>
      <c r="E29" s="409" t="s">
        <v>480</v>
      </c>
      <c r="F29" s="410"/>
      <c r="G29" s="321" t="s">
        <v>481</v>
      </c>
      <c r="H29" s="321"/>
      <c r="I29" s="321"/>
      <c r="J29" s="321"/>
      <c r="K29" s="321"/>
      <c r="L29" s="321"/>
      <c r="M29" s="321"/>
    </row>
    <row r="30" spans="2:13" ht="24" customHeight="1">
      <c r="B30" s="420"/>
      <c r="C30" s="421"/>
      <c r="D30" s="422"/>
      <c r="E30" s="411" t="s">
        <v>482</v>
      </c>
      <c r="F30" s="412"/>
      <c r="G30" s="320" t="s">
        <v>570</v>
      </c>
      <c r="H30" s="320"/>
      <c r="I30" s="320"/>
      <c r="J30" s="320"/>
      <c r="K30" s="320" t="s">
        <v>571</v>
      </c>
      <c r="L30" s="320"/>
      <c r="M30" s="320"/>
    </row>
    <row r="31" spans="2:13" ht="24" customHeight="1">
      <c r="B31" s="420"/>
      <c r="C31" s="421"/>
      <c r="D31" s="422"/>
      <c r="E31" s="413"/>
      <c r="F31" s="414"/>
      <c r="G31" s="320" t="s">
        <v>570</v>
      </c>
      <c r="H31" s="320"/>
      <c r="I31" s="320"/>
      <c r="J31" s="320"/>
      <c r="K31" s="320" t="s">
        <v>571</v>
      </c>
      <c r="L31" s="320"/>
      <c r="M31" s="320"/>
    </row>
    <row r="32" spans="2:13" ht="24" customHeight="1">
      <c r="B32" s="420"/>
      <c r="C32" s="421"/>
      <c r="D32" s="422"/>
      <c r="E32" s="413"/>
      <c r="F32" s="414"/>
      <c r="G32" s="320" t="s">
        <v>570</v>
      </c>
      <c r="H32" s="320"/>
      <c r="I32" s="320"/>
      <c r="J32" s="320"/>
      <c r="K32" s="320" t="s">
        <v>571</v>
      </c>
      <c r="L32" s="320"/>
      <c r="M32" s="320"/>
    </row>
    <row r="33" spans="1:13" ht="24" customHeight="1">
      <c r="B33" s="423"/>
      <c r="C33" s="424"/>
      <c r="D33" s="425"/>
      <c r="E33" s="415"/>
      <c r="F33" s="416"/>
      <c r="G33" s="320" t="s">
        <v>570</v>
      </c>
      <c r="H33" s="320"/>
      <c r="I33" s="320"/>
      <c r="J33" s="320"/>
      <c r="K33" s="320" t="s">
        <v>571</v>
      </c>
      <c r="L33" s="320"/>
      <c r="M33" s="320"/>
    </row>
    <row r="34" spans="1:13" ht="22.5" customHeight="1"/>
    <row r="35" spans="1:13" ht="16.5" customHeight="1">
      <c r="A35" s="7" t="s">
        <v>277</v>
      </c>
    </row>
    <row r="36" spans="1:13" ht="16.5" customHeight="1">
      <c r="B36" s="7" t="s">
        <v>278</v>
      </c>
    </row>
    <row r="37" spans="1:13" ht="16.5" customHeight="1">
      <c r="B37" s="7" t="s">
        <v>285</v>
      </c>
    </row>
    <row r="39" spans="1:13" ht="16.5" customHeight="1">
      <c r="B39" s="7" t="s">
        <v>279</v>
      </c>
    </row>
    <row r="40" spans="1:13" ht="16.5" customHeight="1">
      <c r="B40" s="7" t="s">
        <v>286</v>
      </c>
    </row>
    <row r="41" spans="1:13" ht="16.5" customHeight="1">
      <c r="B41" s="7" t="s">
        <v>287</v>
      </c>
    </row>
    <row r="42" spans="1:13" ht="16.5" customHeight="1">
      <c r="B42" s="7" t="s">
        <v>458</v>
      </c>
    </row>
    <row r="43" spans="1:13" ht="16.5" customHeight="1">
      <c r="B43" s="7" t="s">
        <v>288</v>
      </c>
    </row>
    <row r="44" spans="1:13" ht="16.5" customHeight="1">
      <c r="B44" s="7" t="s">
        <v>683</v>
      </c>
    </row>
    <row r="45" spans="1:13" ht="16.5" customHeight="1">
      <c r="B45" s="7" t="s">
        <v>459</v>
      </c>
    </row>
    <row r="46" spans="1:13" ht="16.5" customHeight="1">
      <c r="B46" s="7" t="s">
        <v>460</v>
      </c>
    </row>
    <row r="47" spans="1:13" ht="16.5" customHeight="1">
      <c r="B47" s="7" t="s">
        <v>461</v>
      </c>
    </row>
    <row r="49" spans="2:2" ht="16.5" customHeight="1">
      <c r="B49" s="7" t="s">
        <v>280</v>
      </c>
    </row>
    <row r="50" spans="2:2" ht="16.5" customHeight="1">
      <c r="B50" s="7" t="s">
        <v>289</v>
      </c>
    </row>
    <row r="52" spans="2:2" ht="16.5" customHeight="1">
      <c r="B52" s="7" t="s">
        <v>281</v>
      </c>
    </row>
    <row r="53" spans="2:2" ht="16.5" customHeight="1">
      <c r="B53" s="7" t="s">
        <v>462</v>
      </c>
    </row>
    <row r="54" spans="2:2" ht="16.5" customHeight="1">
      <c r="B54" s="7" t="s">
        <v>463</v>
      </c>
    </row>
    <row r="55" spans="2:2" ht="16.5" customHeight="1">
      <c r="B55" s="7" t="s">
        <v>464</v>
      </c>
    </row>
    <row r="56" spans="2:2" ht="16.5" customHeight="1">
      <c r="B56" s="7" t="s">
        <v>465</v>
      </c>
    </row>
    <row r="57" spans="2:2" ht="16.5" customHeight="1">
      <c r="B57" s="7" t="s">
        <v>684</v>
      </c>
    </row>
    <row r="58" spans="2:2" ht="16.5" customHeight="1">
      <c r="B58" s="7" t="s">
        <v>466</v>
      </c>
    </row>
    <row r="59" spans="2:2" ht="16.5" customHeight="1">
      <c r="B59" s="7" t="s">
        <v>685</v>
      </c>
    </row>
    <row r="60" spans="2:2" ht="16.5" customHeight="1">
      <c r="B60" s="7" t="s">
        <v>467</v>
      </c>
    </row>
    <row r="61" spans="2:2" ht="16.5" customHeight="1">
      <c r="B61" s="7" t="s">
        <v>468</v>
      </c>
    </row>
    <row r="62" spans="2:2" ht="16.5" customHeight="1">
      <c r="B62" s="7" t="s">
        <v>686</v>
      </c>
    </row>
    <row r="63" spans="2:2" ht="16.5" customHeight="1">
      <c r="B63" s="7" t="s">
        <v>687</v>
      </c>
    </row>
    <row r="64" spans="2:2" ht="16.5" customHeight="1">
      <c r="B64" s="7" t="s">
        <v>688</v>
      </c>
    </row>
    <row r="65" spans="2:2" ht="16.5" customHeight="1">
      <c r="B65" s="7" t="s">
        <v>689</v>
      </c>
    </row>
    <row r="66" spans="2:2" ht="16.5" customHeight="1">
      <c r="B66" s="7" t="s">
        <v>690</v>
      </c>
    </row>
    <row r="67" spans="2:2" ht="16.5" customHeight="1">
      <c r="B67" s="7" t="s">
        <v>691</v>
      </c>
    </row>
    <row r="68" spans="2:2" ht="16.5" customHeight="1">
      <c r="B68" s="7" t="s">
        <v>692</v>
      </c>
    </row>
    <row r="69" spans="2:2" ht="16.5" customHeight="1">
      <c r="B69" s="7" t="s">
        <v>693</v>
      </c>
    </row>
    <row r="70" spans="2:2" ht="16.5" customHeight="1">
      <c r="B70" s="7" t="s">
        <v>694</v>
      </c>
    </row>
    <row r="71" spans="2:2" ht="16.5" customHeight="1">
      <c r="B71" s="7" t="s">
        <v>695</v>
      </c>
    </row>
    <row r="73" spans="2:2" ht="16.5" customHeight="1">
      <c r="B73" s="7" t="s">
        <v>282</v>
      </c>
    </row>
    <row r="74" spans="2:2" ht="16.5" customHeight="1">
      <c r="B74" s="7" t="s">
        <v>696</v>
      </c>
    </row>
    <row r="75" spans="2:2" ht="16.5" customHeight="1">
      <c r="B75" s="7" t="s">
        <v>723</v>
      </c>
    </row>
    <row r="76" spans="2:2" ht="16.5" customHeight="1">
      <c r="B76" s="7" t="s">
        <v>697</v>
      </c>
    </row>
    <row r="84" spans="1:2" ht="16.5" customHeight="1">
      <c r="A84" s="7" t="s">
        <v>102</v>
      </c>
    </row>
    <row r="85" spans="1:2" ht="16.5" customHeight="1">
      <c r="B85" s="7" t="s">
        <v>171</v>
      </c>
    </row>
    <row r="86" spans="1:2" ht="16.5" customHeight="1">
      <c r="B86" s="7" t="s">
        <v>297</v>
      </c>
    </row>
    <row r="87" spans="1:2" ht="16.5" customHeight="1">
      <c r="B87" s="7" t="s">
        <v>298</v>
      </c>
    </row>
    <row r="88" spans="1:2" ht="16.5" customHeight="1">
      <c r="B88" s="7" t="s">
        <v>101</v>
      </c>
    </row>
    <row r="89" spans="1:2" ht="16.5" customHeight="1">
      <c r="B89" s="7" t="s">
        <v>301</v>
      </c>
    </row>
    <row r="90" spans="1:2" ht="16.5" customHeight="1">
      <c r="B90" s="7" t="s">
        <v>302</v>
      </c>
    </row>
    <row r="91" spans="1:2" ht="16.5" customHeight="1">
      <c r="B91" s="7" t="s">
        <v>172</v>
      </c>
    </row>
    <row r="92" spans="1:2" ht="16.5" customHeight="1">
      <c r="B92" s="7" t="s">
        <v>303</v>
      </c>
    </row>
    <row r="93" spans="1:2" ht="16.5" customHeight="1">
      <c r="B93" s="7" t="s">
        <v>304</v>
      </c>
    </row>
    <row r="94" spans="1:2" ht="16.5" customHeight="1">
      <c r="B94" s="7" t="s">
        <v>284</v>
      </c>
    </row>
    <row r="96" spans="1:2" ht="16.5" customHeight="1">
      <c r="A96" s="7" t="s">
        <v>98</v>
      </c>
    </row>
    <row r="97" spans="1:6" ht="16.5" customHeight="1">
      <c r="B97" s="7" t="s">
        <v>324</v>
      </c>
    </row>
    <row r="98" spans="1:6" ht="16.5" customHeight="1">
      <c r="B98" s="7" t="s">
        <v>99</v>
      </c>
    </row>
    <row r="99" spans="1:6" ht="16.5" customHeight="1">
      <c r="B99" s="7" t="s">
        <v>100</v>
      </c>
    </row>
    <row r="100" spans="1:6" ht="16.5" customHeight="1">
      <c r="B100" s="7" t="s">
        <v>469</v>
      </c>
    </row>
    <row r="101" spans="1:6" ht="16.5" customHeight="1">
      <c r="B101" s="7" t="s">
        <v>326</v>
      </c>
    </row>
    <row r="102" spans="1:6" ht="16.5" customHeight="1">
      <c r="B102" s="7" t="s">
        <v>327</v>
      </c>
    </row>
    <row r="103" spans="1:6" ht="16.5" customHeight="1">
      <c r="B103" s="7" t="s">
        <v>328</v>
      </c>
    </row>
    <row r="105" spans="1:6" ht="16.5" customHeight="1">
      <c r="A105" s="7" t="s">
        <v>103</v>
      </c>
    </row>
    <row r="106" spans="1:6" ht="16.5" customHeight="1">
      <c r="B106" s="7" t="s">
        <v>470</v>
      </c>
    </row>
    <row r="107" spans="1:6" ht="16.5" customHeight="1">
      <c r="B107" s="7" t="s">
        <v>471</v>
      </c>
    </row>
    <row r="108" spans="1:6" ht="16.5" customHeight="1">
      <c r="B108" s="7" t="s">
        <v>472</v>
      </c>
    </row>
    <row r="110" spans="1:6" ht="16.5" customHeight="1">
      <c r="A110" s="7" t="s">
        <v>329</v>
      </c>
    </row>
    <row r="111" spans="1:6" ht="16.5" customHeight="1">
      <c r="B111" s="7" t="s">
        <v>330</v>
      </c>
    </row>
    <row r="112" spans="1:6" ht="16.5" customHeight="1">
      <c r="B112" s="408" t="s">
        <v>331</v>
      </c>
      <c r="C112" s="408"/>
      <c r="D112" s="408"/>
      <c r="E112" s="408"/>
      <c r="F112" s="408"/>
    </row>
    <row r="113" spans="2:2" ht="16.5" customHeight="1">
      <c r="B113" s="7" t="s">
        <v>332</v>
      </c>
    </row>
    <row r="131" spans="1:16" ht="16.5" customHeight="1">
      <c r="A131" s="361" t="s">
        <v>2</v>
      </c>
      <c r="B131" s="362"/>
      <c r="C131" s="362"/>
      <c r="D131" s="362"/>
      <c r="E131" s="362"/>
      <c r="F131" s="362"/>
      <c r="G131" s="362"/>
      <c r="H131" s="362"/>
      <c r="I131" s="362"/>
      <c r="J131" s="363"/>
      <c r="K131" s="362" t="s">
        <v>22</v>
      </c>
      <c r="L131" s="362"/>
      <c r="M131" s="406" t="s">
        <v>1</v>
      </c>
      <c r="N131" s="361" t="s">
        <v>170</v>
      </c>
      <c r="O131" s="362"/>
      <c r="P131" s="363"/>
    </row>
    <row r="132" spans="1:16" s="22" customFormat="1" ht="16.5" customHeight="1">
      <c r="A132" s="364"/>
      <c r="B132" s="365"/>
      <c r="C132" s="365"/>
      <c r="D132" s="365"/>
      <c r="E132" s="365"/>
      <c r="F132" s="365"/>
      <c r="G132" s="365"/>
      <c r="H132" s="365"/>
      <c r="I132" s="365"/>
      <c r="J132" s="366"/>
      <c r="K132" s="20" t="s">
        <v>23</v>
      </c>
      <c r="L132" s="21" t="s">
        <v>24</v>
      </c>
      <c r="M132" s="407"/>
      <c r="N132" s="364"/>
      <c r="O132" s="365"/>
      <c r="P132" s="366"/>
    </row>
    <row r="133" spans="1:16" s="22" customFormat="1" ht="16.5" customHeight="1">
      <c r="A133" s="10" t="s">
        <v>82</v>
      </c>
      <c r="B133" s="23"/>
      <c r="C133" s="23"/>
      <c r="D133" s="23"/>
      <c r="E133" s="23"/>
      <c r="F133" s="23"/>
      <c r="G133" s="23"/>
      <c r="H133" s="23"/>
      <c r="I133" s="23"/>
      <c r="J133" s="24"/>
      <c r="K133" s="69"/>
      <c r="L133" s="70"/>
      <c r="M133" s="39"/>
      <c r="N133" s="25"/>
      <c r="O133" s="23"/>
      <c r="P133" s="24"/>
    </row>
    <row r="134" spans="1:16" s="22" customFormat="1" ht="16.5" customHeight="1">
      <c r="A134" s="43" t="s">
        <v>106</v>
      </c>
      <c r="B134" s="44"/>
      <c r="C134" s="44"/>
      <c r="D134" s="44"/>
      <c r="E134" s="44"/>
      <c r="F134" s="44"/>
      <c r="G134" s="44"/>
      <c r="H134" s="44"/>
      <c r="I134" s="44"/>
      <c r="J134" s="26"/>
      <c r="K134" s="71"/>
      <c r="L134" s="72"/>
      <c r="M134" s="40"/>
      <c r="N134" s="27"/>
      <c r="O134" s="19"/>
      <c r="P134" s="26"/>
    </row>
    <row r="135" spans="1:16" s="22" customFormat="1" ht="16.5" customHeight="1">
      <c r="A135" s="45"/>
      <c r="B135" s="46" t="s">
        <v>175</v>
      </c>
      <c r="C135" s="44"/>
      <c r="D135" s="44"/>
      <c r="E135" s="44"/>
      <c r="F135" s="44"/>
      <c r="G135" s="44"/>
      <c r="H135" s="44"/>
      <c r="I135" s="44"/>
      <c r="J135" s="26"/>
      <c r="K135" s="90" t="s">
        <v>333</v>
      </c>
      <c r="L135" s="91" t="s">
        <v>179</v>
      </c>
      <c r="M135" s="40"/>
      <c r="N135" s="27"/>
      <c r="O135" s="19"/>
      <c r="P135" s="26"/>
    </row>
    <row r="136" spans="1:16" s="22" customFormat="1" ht="16.5" customHeight="1">
      <c r="A136" s="45"/>
      <c r="B136" s="46" t="s">
        <v>92</v>
      </c>
      <c r="C136" s="44"/>
      <c r="D136" s="44"/>
      <c r="E136" s="44"/>
      <c r="F136" s="44"/>
      <c r="G136" s="44"/>
      <c r="H136" s="44"/>
      <c r="I136" s="44"/>
      <c r="J136" s="26"/>
      <c r="K136" s="71"/>
      <c r="L136" s="72"/>
      <c r="M136" s="40"/>
      <c r="N136" s="27"/>
      <c r="O136" s="19"/>
      <c r="P136" s="26"/>
    </row>
    <row r="137" spans="1:16" s="22" customFormat="1" ht="16.5" customHeight="1">
      <c r="A137" s="45"/>
      <c r="B137" s="44"/>
      <c r="C137" s="44"/>
      <c r="D137" s="44"/>
      <c r="E137" s="44"/>
      <c r="F137" s="44"/>
      <c r="G137" s="44"/>
      <c r="H137" s="44"/>
      <c r="I137" s="44"/>
      <c r="J137" s="26"/>
      <c r="K137" s="71"/>
      <c r="L137" s="72"/>
      <c r="M137" s="40"/>
      <c r="N137" s="27"/>
      <c r="O137" s="19"/>
      <c r="P137" s="26"/>
    </row>
    <row r="138" spans="1:16" s="22" customFormat="1" ht="16.5" customHeight="1">
      <c r="A138" s="45"/>
      <c r="B138" s="44"/>
      <c r="C138" s="44"/>
      <c r="D138" s="44"/>
      <c r="E138" s="44"/>
      <c r="F138" s="44"/>
      <c r="G138" s="44"/>
      <c r="H138" s="44"/>
      <c r="I138" s="44"/>
      <c r="J138" s="26"/>
      <c r="K138" s="71"/>
      <c r="L138" s="72"/>
      <c r="M138" s="40"/>
      <c r="N138" s="27"/>
      <c r="O138" s="19"/>
      <c r="P138" s="26"/>
    </row>
    <row r="139" spans="1:16" s="22" customFormat="1" ht="16.5" customHeight="1">
      <c r="A139" s="45"/>
      <c r="B139" s="44"/>
      <c r="C139" s="44"/>
      <c r="D139" s="44"/>
      <c r="E139" s="44"/>
      <c r="F139" s="44"/>
      <c r="G139" s="44"/>
      <c r="H139" s="44"/>
      <c r="I139" s="44"/>
      <c r="J139" s="26"/>
      <c r="K139" s="71"/>
      <c r="L139" s="72"/>
      <c r="M139" s="40"/>
      <c r="N139" s="27"/>
      <c r="O139" s="19"/>
      <c r="P139" s="26"/>
    </row>
    <row r="140" spans="1:16" s="22" customFormat="1" ht="16.5" customHeight="1">
      <c r="A140" s="45"/>
      <c r="B140" s="44"/>
      <c r="C140" s="44"/>
      <c r="D140" s="44"/>
      <c r="E140" s="44"/>
      <c r="F140" s="44"/>
      <c r="G140" s="44"/>
      <c r="H140" s="44"/>
      <c r="I140" s="44"/>
      <c r="J140" s="26"/>
      <c r="K140" s="71"/>
      <c r="L140" s="72"/>
      <c r="M140" s="40"/>
      <c r="N140" s="27"/>
      <c r="O140" s="19"/>
      <c r="P140" s="26"/>
    </row>
    <row r="141" spans="1:16" s="22" customFormat="1" ht="16.5" customHeight="1">
      <c r="A141" s="45"/>
      <c r="B141" s="44"/>
      <c r="C141" s="44"/>
      <c r="D141" s="44"/>
      <c r="E141" s="44"/>
      <c r="F141" s="44"/>
      <c r="G141" s="44"/>
      <c r="H141" s="44"/>
      <c r="I141" s="44"/>
      <c r="J141" s="26"/>
      <c r="K141" s="71"/>
      <c r="L141" s="72"/>
      <c r="M141" s="40"/>
      <c r="N141" s="27"/>
      <c r="O141" s="19"/>
      <c r="P141" s="26"/>
    </row>
    <row r="142" spans="1:16" s="22" customFormat="1" ht="16.5" customHeight="1">
      <c r="A142" s="45"/>
      <c r="B142" s="44"/>
      <c r="C142" s="44"/>
      <c r="D142" s="44"/>
      <c r="E142" s="44"/>
      <c r="F142" s="44"/>
      <c r="G142" s="44"/>
      <c r="H142" s="44"/>
      <c r="I142" s="44"/>
      <c r="J142" s="26"/>
      <c r="K142" s="71"/>
      <c r="L142" s="72"/>
      <c r="M142" s="40"/>
      <c r="N142" s="27"/>
      <c r="O142" s="19"/>
      <c r="P142" s="26"/>
    </row>
    <row r="143" spans="1:16" s="22" customFormat="1" ht="16.5" customHeight="1">
      <c r="A143" s="45"/>
      <c r="B143" s="44"/>
      <c r="C143" s="44"/>
      <c r="D143" s="44"/>
      <c r="E143" s="44"/>
      <c r="F143" s="44"/>
      <c r="G143" s="44"/>
      <c r="H143" s="44"/>
      <c r="I143" s="44"/>
      <c r="J143" s="26"/>
      <c r="K143" s="71"/>
      <c r="L143" s="72"/>
      <c r="M143" s="40"/>
      <c r="N143" s="27"/>
      <c r="O143" s="19"/>
      <c r="P143" s="26"/>
    </row>
    <row r="144" spans="1:16" s="22" customFormat="1" ht="16.5" customHeight="1">
      <c r="A144" s="45"/>
      <c r="B144" s="44"/>
      <c r="C144" s="44"/>
      <c r="D144" s="44"/>
      <c r="E144" s="44"/>
      <c r="F144" s="44"/>
      <c r="G144" s="44"/>
      <c r="H144" s="44"/>
      <c r="I144" s="44"/>
      <c r="J144" s="26"/>
      <c r="K144" s="71"/>
      <c r="L144" s="72"/>
      <c r="M144" s="40"/>
      <c r="N144" s="27"/>
      <c r="O144" s="19"/>
      <c r="P144" s="26"/>
    </row>
    <row r="145" spans="1:16" s="22" customFormat="1" ht="16.5" customHeight="1">
      <c r="A145" s="45"/>
      <c r="B145" s="44"/>
      <c r="C145" s="44"/>
      <c r="D145" s="44"/>
      <c r="E145" s="44"/>
      <c r="F145" s="44"/>
      <c r="G145" s="44"/>
      <c r="H145" s="44"/>
      <c r="I145" s="44"/>
      <c r="J145" s="26"/>
      <c r="K145" s="71"/>
      <c r="L145" s="72"/>
      <c r="M145" s="40"/>
      <c r="N145" s="27"/>
      <c r="O145" s="19"/>
      <c r="P145" s="26"/>
    </row>
    <row r="146" spans="1:16" s="22" customFormat="1" ht="16.5" customHeight="1">
      <c r="A146" s="45"/>
      <c r="B146" s="44"/>
      <c r="C146" s="44"/>
      <c r="D146" s="44"/>
      <c r="E146" s="44"/>
      <c r="F146" s="44"/>
      <c r="G146" s="44"/>
      <c r="H146" s="44"/>
      <c r="I146" s="44"/>
      <c r="J146" s="26"/>
      <c r="K146" s="71"/>
      <c r="L146" s="72"/>
      <c r="M146" s="40"/>
      <c r="N146" s="27"/>
      <c r="O146" s="19"/>
      <c r="P146" s="26"/>
    </row>
    <row r="147" spans="1:16" s="22" customFormat="1" ht="16.5" customHeight="1">
      <c r="A147" s="45"/>
      <c r="B147" s="44"/>
      <c r="C147" s="44"/>
      <c r="D147" s="44"/>
      <c r="E147" s="44"/>
      <c r="F147" s="44"/>
      <c r="G147" s="44"/>
      <c r="H147" s="44"/>
      <c r="I147" s="44"/>
      <c r="J147" s="26"/>
      <c r="K147" s="71"/>
      <c r="L147" s="72"/>
      <c r="M147" s="40"/>
      <c r="N147" s="27"/>
      <c r="O147" s="19"/>
      <c r="P147" s="26"/>
    </row>
    <row r="148" spans="1:16" s="22" customFormat="1" ht="16.5" customHeight="1">
      <c r="A148" s="45"/>
      <c r="B148" s="44"/>
      <c r="C148" s="44"/>
      <c r="D148" s="44"/>
      <c r="E148" s="44"/>
      <c r="F148" s="44"/>
      <c r="G148" s="44"/>
      <c r="H148" s="44"/>
      <c r="I148" s="44"/>
      <c r="J148" s="26"/>
      <c r="K148" s="71"/>
      <c r="L148" s="72"/>
      <c r="M148" s="40"/>
      <c r="N148" s="27"/>
      <c r="O148" s="19"/>
      <c r="P148" s="26"/>
    </row>
    <row r="149" spans="1:16" s="22" customFormat="1" ht="16.5" customHeight="1">
      <c r="A149" s="45"/>
      <c r="B149" s="44"/>
      <c r="C149" s="44"/>
      <c r="D149" s="44"/>
      <c r="E149" s="44"/>
      <c r="F149" s="44"/>
      <c r="G149" s="44"/>
      <c r="H149" s="44"/>
      <c r="I149" s="44"/>
      <c r="J149" s="26"/>
      <c r="K149" s="71"/>
      <c r="L149" s="72"/>
      <c r="M149" s="40"/>
      <c r="N149" s="27"/>
      <c r="O149" s="19"/>
      <c r="P149" s="26"/>
    </row>
    <row r="150" spans="1:16" s="22" customFormat="1" ht="16.5" customHeight="1">
      <c r="A150" s="45"/>
      <c r="B150" s="44"/>
      <c r="C150" s="44"/>
      <c r="D150" s="44"/>
      <c r="E150" s="44"/>
      <c r="F150" s="44"/>
      <c r="G150" s="44"/>
      <c r="H150" s="44"/>
      <c r="I150" s="44"/>
      <c r="J150" s="26"/>
      <c r="K150" s="71"/>
      <c r="L150" s="72"/>
      <c r="M150" s="40"/>
      <c r="N150" s="27"/>
      <c r="O150" s="19"/>
      <c r="P150" s="26"/>
    </row>
    <row r="151" spans="1:16" s="22" customFormat="1" ht="16.5" customHeight="1">
      <c r="A151" s="45"/>
      <c r="B151" s="44"/>
      <c r="C151" s="44"/>
      <c r="D151" s="44"/>
      <c r="E151" s="44"/>
      <c r="F151" s="44"/>
      <c r="G151" s="44"/>
      <c r="H151" s="44"/>
      <c r="I151" s="44"/>
      <c r="J151" s="26"/>
      <c r="K151" s="71"/>
      <c r="L151" s="72"/>
      <c r="M151" s="40"/>
      <c r="N151" s="27"/>
      <c r="O151" s="19"/>
      <c r="P151" s="26"/>
    </row>
    <row r="152" spans="1:16" s="22" customFormat="1" ht="16.5" customHeight="1">
      <c r="A152" s="45"/>
      <c r="B152" s="44"/>
      <c r="C152" s="44"/>
      <c r="D152" s="44"/>
      <c r="E152" s="44"/>
      <c r="F152" s="44"/>
      <c r="G152" s="44"/>
      <c r="H152" s="44"/>
      <c r="I152" s="44"/>
      <c r="J152" s="26"/>
      <c r="K152" s="71"/>
      <c r="L152" s="72"/>
      <c r="M152" s="40"/>
      <c r="N152" s="27"/>
      <c r="O152" s="19"/>
      <c r="P152" s="26"/>
    </row>
    <row r="153" spans="1:16" s="22" customFormat="1" ht="16.5" customHeight="1">
      <c r="A153" s="45"/>
      <c r="B153" s="44"/>
      <c r="C153" s="44"/>
      <c r="D153" s="44"/>
      <c r="E153" s="44"/>
      <c r="F153" s="44"/>
      <c r="G153" s="44"/>
      <c r="H153" s="44"/>
      <c r="I153" s="44"/>
      <c r="J153" s="26"/>
      <c r="K153" s="71"/>
      <c r="L153" s="72"/>
      <c r="M153" s="40"/>
      <c r="N153" s="27"/>
      <c r="O153" s="19"/>
      <c r="P153" s="26"/>
    </row>
    <row r="154" spans="1:16" s="22" customFormat="1" ht="16.5" customHeight="1">
      <c r="A154" s="45"/>
      <c r="B154" s="44"/>
      <c r="C154" s="44"/>
      <c r="D154" s="44"/>
      <c r="E154" s="44"/>
      <c r="F154" s="44"/>
      <c r="G154" s="44"/>
      <c r="H154" s="44"/>
      <c r="I154" s="44"/>
      <c r="J154" s="26"/>
      <c r="K154" s="71"/>
      <c r="L154" s="72"/>
      <c r="M154" s="40"/>
      <c r="N154" s="27"/>
      <c r="O154" s="19"/>
      <c r="P154" s="26"/>
    </row>
    <row r="155" spans="1:16" s="22" customFormat="1" ht="16.5" customHeight="1">
      <c r="A155" s="45"/>
      <c r="B155" s="44"/>
      <c r="C155" s="44"/>
      <c r="D155" s="44"/>
      <c r="E155" s="44"/>
      <c r="F155" s="44"/>
      <c r="G155" s="44"/>
      <c r="H155" s="44"/>
      <c r="I155" s="44"/>
      <c r="J155" s="26"/>
      <c r="K155" s="71"/>
      <c r="L155" s="72"/>
      <c r="M155" s="40"/>
      <c r="N155" s="27"/>
      <c r="O155" s="19"/>
      <c r="P155" s="26"/>
    </row>
    <row r="156" spans="1:16" s="22" customFormat="1" ht="16.5" customHeight="1">
      <c r="A156" s="45"/>
      <c r="B156" s="44"/>
      <c r="C156" s="44"/>
      <c r="D156" s="44"/>
      <c r="E156" s="44"/>
      <c r="F156" s="44"/>
      <c r="G156" s="44"/>
      <c r="H156" s="44"/>
      <c r="I156" s="44"/>
      <c r="J156" s="26"/>
      <c r="K156" s="71"/>
      <c r="L156" s="72"/>
      <c r="M156" s="40"/>
      <c r="N156" s="27"/>
      <c r="O156" s="19"/>
      <c r="P156" s="26"/>
    </row>
    <row r="157" spans="1:16" s="22" customFormat="1" ht="16.5" customHeight="1">
      <c r="A157" s="45"/>
      <c r="B157" s="44"/>
      <c r="C157" s="44"/>
      <c r="D157" s="44"/>
      <c r="E157" s="44"/>
      <c r="F157" s="44"/>
      <c r="G157" s="44"/>
      <c r="H157" s="44"/>
      <c r="I157" s="44"/>
      <c r="J157" s="26"/>
      <c r="K157" s="71"/>
      <c r="L157" s="72"/>
      <c r="M157" s="40"/>
      <c r="N157" s="27"/>
      <c r="O157" s="19"/>
      <c r="P157" s="26"/>
    </row>
    <row r="158" spans="1:16" s="22" customFormat="1" ht="16.5" customHeight="1">
      <c r="A158" s="45"/>
      <c r="B158" s="44"/>
      <c r="C158" s="44"/>
      <c r="D158" s="44"/>
      <c r="E158" s="44"/>
      <c r="F158" s="44"/>
      <c r="G158" s="44"/>
      <c r="H158" s="44"/>
      <c r="I158" s="44"/>
      <c r="J158" s="26"/>
      <c r="K158" s="71"/>
      <c r="L158" s="72"/>
      <c r="M158" s="40"/>
      <c r="N158" s="27"/>
      <c r="O158" s="19"/>
      <c r="P158" s="26"/>
    </row>
    <row r="159" spans="1:16" s="22" customFormat="1" ht="16.5" customHeight="1">
      <c r="A159" s="45"/>
      <c r="B159" s="44"/>
      <c r="C159" s="44"/>
      <c r="D159" s="44"/>
      <c r="E159" s="44"/>
      <c r="F159" s="44"/>
      <c r="G159" s="44"/>
      <c r="H159" s="44"/>
      <c r="I159" s="44"/>
      <c r="J159" s="26"/>
      <c r="K159" s="71"/>
      <c r="L159" s="72"/>
      <c r="M159" s="40"/>
      <c r="N159" s="27"/>
      <c r="O159" s="19"/>
      <c r="P159" s="26"/>
    </row>
    <row r="160" spans="1:16" s="22" customFormat="1" ht="16.5" customHeight="1">
      <c r="A160" s="45"/>
      <c r="B160" s="44"/>
      <c r="C160" s="44"/>
      <c r="D160" s="44"/>
      <c r="E160" s="44"/>
      <c r="F160" s="44"/>
      <c r="G160" s="44"/>
      <c r="H160" s="44"/>
      <c r="I160" s="44"/>
      <c r="J160" s="26"/>
      <c r="K160" s="71"/>
      <c r="L160" s="72"/>
      <c r="M160" s="40"/>
      <c r="N160" s="27"/>
      <c r="O160" s="19"/>
      <c r="P160" s="26"/>
    </row>
    <row r="161" spans="1:16" s="22" customFormat="1" ht="16.5" customHeight="1">
      <c r="A161" s="45"/>
      <c r="B161" s="44"/>
      <c r="C161" s="44"/>
      <c r="D161" s="44"/>
      <c r="E161" s="44"/>
      <c r="F161" s="44"/>
      <c r="G161" s="44"/>
      <c r="H161" s="44"/>
      <c r="I161" s="44"/>
      <c r="J161" s="26"/>
      <c r="K161" s="71"/>
      <c r="L161" s="72"/>
      <c r="M161" s="40"/>
      <c r="N161" s="27"/>
      <c r="O161" s="19"/>
      <c r="P161" s="26"/>
    </row>
    <row r="162" spans="1:16" s="22" customFormat="1" ht="16.5" customHeight="1">
      <c r="A162" s="45"/>
      <c r="B162" s="44"/>
      <c r="C162" s="44"/>
      <c r="D162" s="44"/>
      <c r="E162" s="44"/>
      <c r="F162" s="44"/>
      <c r="G162" s="44"/>
      <c r="H162" s="44"/>
      <c r="I162" s="44"/>
      <c r="J162" s="26"/>
      <c r="K162" s="71"/>
      <c r="L162" s="72"/>
      <c r="M162" s="40"/>
      <c r="N162" s="27"/>
      <c r="O162" s="19"/>
      <c r="P162" s="26"/>
    </row>
    <row r="163" spans="1:16" s="22" customFormat="1" ht="16.5" customHeight="1">
      <c r="A163" s="45"/>
      <c r="B163" s="44"/>
      <c r="C163" s="44"/>
      <c r="D163" s="44"/>
      <c r="E163" s="44"/>
      <c r="F163" s="44"/>
      <c r="G163" s="44"/>
      <c r="H163" s="44"/>
      <c r="I163" s="44"/>
      <c r="J163" s="26"/>
      <c r="K163" s="71"/>
      <c r="L163" s="72"/>
      <c r="M163" s="40"/>
      <c r="N163" s="27"/>
      <c r="O163" s="19"/>
      <c r="P163" s="26"/>
    </row>
    <row r="164" spans="1:16" s="22" customFormat="1" ht="16.5" customHeight="1">
      <c r="A164" s="45"/>
      <c r="B164" s="44"/>
      <c r="C164" s="44"/>
      <c r="D164" s="44"/>
      <c r="E164" s="44"/>
      <c r="F164" s="44"/>
      <c r="G164" s="44"/>
      <c r="H164" s="44"/>
      <c r="I164" s="44"/>
      <c r="J164" s="26"/>
      <c r="K164" s="71"/>
      <c r="L164" s="72"/>
      <c r="M164" s="40"/>
      <c r="N164" s="27"/>
      <c r="O164" s="19"/>
      <c r="P164" s="26"/>
    </row>
    <row r="165" spans="1:16" s="22" customFormat="1" ht="16.5" customHeight="1">
      <c r="A165" s="45"/>
      <c r="B165" s="44"/>
      <c r="C165" s="44"/>
      <c r="D165" s="44"/>
      <c r="E165" s="44"/>
      <c r="F165" s="44"/>
      <c r="G165" s="44"/>
      <c r="H165" s="44"/>
      <c r="I165" s="44"/>
      <c r="J165" s="26"/>
      <c r="K165" s="71"/>
      <c r="L165" s="72"/>
      <c r="M165" s="40"/>
      <c r="N165" s="27"/>
      <c r="O165" s="19"/>
      <c r="P165" s="26"/>
    </row>
    <row r="166" spans="1:16" s="22" customFormat="1" ht="16.5" customHeight="1">
      <c r="A166" s="45"/>
      <c r="B166" s="44"/>
      <c r="C166" s="44"/>
      <c r="D166" s="44"/>
      <c r="E166" s="44"/>
      <c r="F166" s="44"/>
      <c r="G166" s="44"/>
      <c r="H166" s="44"/>
      <c r="I166" s="44"/>
      <c r="J166" s="26"/>
      <c r="K166" s="71"/>
      <c r="L166" s="72"/>
      <c r="M166" s="40"/>
      <c r="N166" s="27"/>
      <c r="O166" s="19"/>
      <c r="P166" s="26"/>
    </row>
    <row r="167" spans="1:16" s="22" customFormat="1" ht="16.5" customHeight="1">
      <c r="A167" s="45"/>
      <c r="B167" s="44"/>
      <c r="C167" s="44"/>
      <c r="D167" s="44"/>
      <c r="E167" s="44"/>
      <c r="F167" s="44"/>
      <c r="G167" s="44"/>
      <c r="H167" s="44"/>
      <c r="I167" s="44"/>
      <c r="J167" s="26"/>
      <c r="K167" s="71"/>
      <c r="L167" s="72"/>
      <c r="M167" s="40"/>
      <c r="N167" s="27"/>
      <c r="O167" s="19"/>
      <c r="P167" s="26"/>
    </row>
    <row r="168" spans="1:16" s="22" customFormat="1" ht="16.5" customHeight="1">
      <c r="A168" s="45"/>
      <c r="B168" s="44"/>
      <c r="C168" s="44"/>
      <c r="D168" s="44"/>
      <c r="E168" s="44"/>
      <c r="F168" s="44"/>
      <c r="G168" s="44"/>
      <c r="H168" s="44"/>
      <c r="I168" s="44"/>
      <c r="J168" s="26"/>
      <c r="K168" s="71"/>
      <c r="L168" s="72"/>
      <c r="M168" s="40"/>
      <c r="N168" s="27"/>
      <c r="O168" s="19"/>
      <c r="P168" s="26"/>
    </row>
    <row r="169" spans="1:16" s="22" customFormat="1" ht="16.5" customHeight="1">
      <c r="A169" s="45"/>
      <c r="B169" s="44"/>
      <c r="C169" s="44"/>
      <c r="D169" s="44"/>
      <c r="E169" s="44"/>
      <c r="F169" s="44"/>
      <c r="G169" s="44"/>
      <c r="H169" s="44"/>
      <c r="I169" s="44"/>
      <c r="J169" s="26"/>
      <c r="K169" s="71"/>
      <c r="L169" s="72"/>
      <c r="M169" s="40"/>
      <c r="N169" s="27"/>
      <c r="O169" s="19"/>
      <c r="P169" s="26"/>
    </row>
    <row r="170" spans="1:16" s="22" customFormat="1" ht="16.5" customHeight="1">
      <c r="A170" s="45"/>
      <c r="B170" s="44"/>
      <c r="C170" s="44"/>
      <c r="D170" s="44"/>
      <c r="E170" s="44"/>
      <c r="F170" s="44"/>
      <c r="G170" s="44"/>
      <c r="H170" s="44"/>
      <c r="I170" s="44"/>
      <c r="J170" s="26"/>
      <c r="K170" s="71"/>
      <c r="L170" s="72"/>
      <c r="M170" s="40"/>
      <c r="N170" s="27"/>
      <c r="O170" s="19"/>
      <c r="P170" s="26"/>
    </row>
    <row r="171" spans="1:16" s="22" customFormat="1" ht="16.5" customHeight="1">
      <c r="A171" s="45"/>
      <c r="B171" s="44"/>
      <c r="C171" s="44"/>
      <c r="D171" s="44"/>
      <c r="E171" s="44"/>
      <c r="F171" s="44"/>
      <c r="G171" s="44"/>
      <c r="H171" s="44"/>
      <c r="I171" s="44"/>
      <c r="J171" s="26"/>
      <c r="K171" s="71"/>
      <c r="L171" s="72"/>
      <c r="M171" s="40"/>
      <c r="N171" s="27"/>
      <c r="O171" s="19"/>
      <c r="P171" s="26"/>
    </row>
    <row r="172" spans="1:16" s="22" customFormat="1" ht="16.5" customHeight="1">
      <c r="A172" s="45"/>
      <c r="B172" s="44"/>
      <c r="C172" s="44"/>
      <c r="D172" s="44"/>
      <c r="E172" s="44"/>
      <c r="F172" s="44"/>
      <c r="G172" s="44"/>
      <c r="H172" s="44"/>
      <c r="I172" s="44"/>
      <c r="J172" s="26"/>
      <c r="K172" s="71"/>
      <c r="L172" s="72"/>
      <c r="M172" s="40"/>
      <c r="N172" s="27"/>
      <c r="O172" s="19"/>
      <c r="P172" s="26"/>
    </row>
    <row r="173" spans="1:16" s="22" customFormat="1" ht="16.5" customHeight="1">
      <c r="A173" s="45"/>
      <c r="B173" s="44"/>
      <c r="C173" s="44"/>
      <c r="D173" s="44"/>
      <c r="E173" s="44"/>
      <c r="F173" s="44"/>
      <c r="G173" s="44"/>
      <c r="H173" s="44"/>
      <c r="I173" s="44"/>
      <c r="J173" s="26"/>
      <c r="K173" s="71"/>
      <c r="L173" s="72"/>
      <c r="M173" s="40"/>
      <c r="N173" s="27"/>
      <c r="O173" s="19"/>
      <c r="P173" s="26"/>
    </row>
    <row r="174" spans="1:16" s="22" customFormat="1" ht="16.5" customHeight="1">
      <c r="A174" s="45"/>
      <c r="B174" s="44"/>
      <c r="C174" s="44"/>
      <c r="D174" s="44"/>
      <c r="E174" s="44"/>
      <c r="F174" s="44"/>
      <c r="G174" s="44"/>
      <c r="H174" s="44"/>
      <c r="I174" s="44"/>
      <c r="J174" s="26"/>
      <c r="K174" s="71"/>
      <c r="L174" s="72"/>
      <c r="M174" s="40"/>
      <c r="N174" s="27"/>
      <c r="O174" s="19"/>
      <c r="P174" s="26"/>
    </row>
    <row r="175" spans="1:16" s="22" customFormat="1" ht="16.5" customHeight="1">
      <c r="A175" s="45"/>
      <c r="B175" s="44"/>
      <c r="C175" s="44"/>
      <c r="D175" s="44"/>
      <c r="E175" s="44"/>
      <c r="F175" s="44"/>
      <c r="G175" s="44"/>
      <c r="H175" s="44"/>
      <c r="I175" s="44"/>
      <c r="J175" s="26"/>
      <c r="K175" s="71"/>
      <c r="L175" s="72"/>
      <c r="M175" s="40"/>
      <c r="N175" s="27"/>
      <c r="O175" s="19"/>
      <c r="P175" s="26"/>
    </row>
    <row r="176" spans="1:16" s="22" customFormat="1" ht="16.5" customHeight="1">
      <c r="A176" s="45"/>
      <c r="B176" s="44"/>
      <c r="C176" s="44"/>
      <c r="D176" s="44"/>
      <c r="E176" s="44"/>
      <c r="F176" s="44"/>
      <c r="G176" s="44"/>
      <c r="H176" s="44"/>
      <c r="I176" s="44"/>
      <c r="J176" s="26"/>
      <c r="K176" s="71"/>
      <c r="L176" s="72"/>
      <c r="M176" s="40"/>
      <c r="N176" s="27"/>
      <c r="O176" s="19"/>
      <c r="P176" s="26"/>
    </row>
    <row r="177" spans="1:16" s="22" customFormat="1" ht="16.5" customHeight="1">
      <c r="A177" s="45"/>
      <c r="B177" s="44"/>
      <c r="C177" s="44"/>
      <c r="D177" s="44"/>
      <c r="E177" s="44"/>
      <c r="F177" s="44"/>
      <c r="G177" s="44"/>
      <c r="H177" s="44"/>
      <c r="I177" s="44"/>
      <c r="J177" s="26"/>
      <c r="K177" s="71"/>
      <c r="L177" s="72"/>
      <c r="M177" s="40"/>
      <c r="N177" s="27"/>
      <c r="O177" s="19"/>
      <c r="P177" s="26"/>
    </row>
    <row r="178" spans="1:16" s="22" customFormat="1" ht="16.5" customHeight="1">
      <c r="A178" s="45"/>
      <c r="B178" s="44"/>
      <c r="C178" s="44"/>
      <c r="D178" s="44"/>
      <c r="E178" s="44"/>
      <c r="F178" s="44"/>
      <c r="G178" s="44"/>
      <c r="H178" s="44"/>
      <c r="I178" s="44"/>
      <c r="J178" s="26"/>
      <c r="K178" s="71"/>
      <c r="L178" s="72"/>
      <c r="M178" s="40"/>
      <c r="N178" s="27"/>
      <c r="O178" s="19"/>
      <c r="P178" s="26"/>
    </row>
    <row r="179" spans="1:16" s="22" customFormat="1" ht="16.5" customHeight="1">
      <c r="A179" s="47"/>
      <c r="B179" s="48"/>
      <c r="C179" s="48"/>
      <c r="D179" s="48"/>
      <c r="E179" s="48"/>
      <c r="F179" s="48"/>
      <c r="G179" s="48"/>
      <c r="H179" s="48"/>
      <c r="I179" s="48"/>
      <c r="J179" s="89"/>
      <c r="K179" s="74"/>
      <c r="L179" s="75"/>
      <c r="M179" s="41"/>
      <c r="N179" s="87"/>
      <c r="O179" s="88"/>
      <c r="P179" s="89"/>
    </row>
    <row r="180" spans="1:16" s="22" customFormat="1" ht="16.5" customHeight="1">
      <c r="A180" s="11" t="s">
        <v>83</v>
      </c>
      <c r="B180" s="44"/>
      <c r="C180" s="44"/>
      <c r="D180" s="44"/>
      <c r="E180" s="44"/>
      <c r="F180" s="44"/>
      <c r="G180" s="44"/>
      <c r="H180" s="44"/>
      <c r="I180" s="44"/>
      <c r="J180" s="26"/>
      <c r="K180" s="71"/>
      <c r="L180" s="72"/>
      <c r="M180" s="40"/>
      <c r="N180" s="27"/>
      <c r="O180" s="19"/>
      <c r="P180" s="26"/>
    </row>
    <row r="181" spans="1:16" ht="16.5" customHeight="1">
      <c r="A181" s="49" t="s">
        <v>84</v>
      </c>
      <c r="B181" s="50"/>
      <c r="C181" s="50"/>
      <c r="D181" s="50"/>
      <c r="E181" s="50"/>
      <c r="F181" s="50"/>
      <c r="G181" s="50"/>
      <c r="H181" s="50"/>
      <c r="I181" s="50"/>
      <c r="J181" s="30"/>
      <c r="K181" s="76"/>
      <c r="L181" s="77"/>
      <c r="M181" s="12" t="s">
        <v>25</v>
      </c>
      <c r="N181" s="28"/>
      <c r="O181" s="29"/>
      <c r="P181" s="30"/>
    </row>
    <row r="182" spans="1:16" ht="16.5" customHeight="1">
      <c r="A182" s="51"/>
      <c r="B182" s="42" t="s">
        <v>131</v>
      </c>
      <c r="C182" s="42"/>
      <c r="D182" s="42"/>
      <c r="E182" s="42"/>
      <c r="F182" s="42"/>
      <c r="G182" s="42"/>
      <c r="H182" s="42"/>
      <c r="I182" s="42"/>
      <c r="J182" s="32"/>
      <c r="K182" s="90" t="s">
        <v>179</v>
      </c>
      <c r="L182" s="91" t="s">
        <v>179</v>
      </c>
      <c r="M182" s="13" t="s">
        <v>26</v>
      </c>
      <c r="N182" s="31"/>
      <c r="P182" s="32"/>
    </row>
    <row r="183" spans="1:16" ht="16.5" customHeight="1">
      <c r="A183" s="51"/>
      <c r="B183" s="42" t="s">
        <v>132</v>
      </c>
      <c r="C183" s="42"/>
      <c r="D183" s="42"/>
      <c r="E183" s="42"/>
      <c r="F183" s="42"/>
      <c r="G183" s="42"/>
      <c r="H183" s="42"/>
      <c r="I183" s="42"/>
      <c r="J183" s="32"/>
      <c r="K183" s="90" t="s">
        <v>179</v>
      </c>
      <c r="L183" s="91" t="s">
        <v>179</v>
      </c>
      <c r="M183" s="13" t="s">
        <v>27</v>
      </c>
      <c r="N183" s="31"/>
      <c r="P183" s="32"/>
    </row>
    <row r="184" spans="1:16" ht="16.5" customHeight="1">
      <c r="A184" s="51"/>
      <c r="B184" s="42" t="s">
        <v>133</v>
      </c>
      <c r="C184" s="42"/>
      <c r="D184" s="42"/>
      <c r="E184" s="42"/>
      <c r="F184" s="42"/>
      <c r="G184" s="42"/>
      <c r="H184" s="42"/>
      <c r="I184" s="42"/>
      <c r="J184" s="32"/>
      <c r="K184" s="90" t="s">
        <v>179</v>
      </c>
      <c r="L184" s="91" t="s">
        <v>179</v>
      </c>
      <c r="M184" s="13" t="s">
        <v>173</v>
      </c>
      <c r="N184" s="31"/>
      <c r="P184" s="32"/>
    </row>
    <row r="185" spans="1:16" ht="16.5" customHeight="1">
      <c r="A185" s="51"/>
      <c r="B185" s="42"/>
      <c r="C185" s="42"/>
      <c r="D185" s="42"/>
      <c r="E185" s="42"/>
      <c r="F185" s="42"/>
      <c r="G185" s="42"/>
      <c r="H185" s="42"/>
      <c r="I185" s="42"/>
      <c r="J185" s="32"/>
      <c r="L185" s="73"/>
      <c r="M185" s="13" t="s">
        <v>174</v>
      </c>
      <c r="N185" s="31"/>
      <c r="P185" s="32"/>
    </row>
    <row r="186" spans="1:16" ht="16.5" customHeight="1">
      <c r="A186" s="51"/>
      <c r="B186" s="42"/>
      <c r="C186" s="426" t="s">
        <v>9</v>
      </c>
      <c r="D186" s="427"/>
      <c r="E186" s="359" t="s">
        <v>10</v>
      </c>
      <c r="F186" s="430" t="s">
        <v>11</v>
      </c>
      <c r="G186" s="430"/>
      <c r="H186" s="430"/>
      <c r="I186" s="359" t="s">
        <v>14</v>
      </c>
      <c r="J186" s="32"/>
      <c r="L186" s="73"/>
      <c r="M186" s="13" t="s">
        <v>59</v>
      </c>
      <c r="N186" s="31"/>
      <c r="P186" s="32"/>
    </row>
    <row r="187" spans="1:16" ht="16.5" customHeight="1">
      <c r="A187" s="51"/>
      <c r="B187" s="42"/>
      <c r="C187" s="428"/>
      <c r="D187" s="429"/>
      <c r="E187" s="360"/>
      <c r="F187" s="52"/>
      <c r="G187" s="85" t="s">
        <v>12</v>
      </c>
      <c r="H187" s="86" t="s">
        <v>13</v>
      </c>
      <c r="I187" s="360"/>
      <c r="J187" s="32"/>
      <c r="L187" s="73"/>
      <c r="M187" s="13" t="s">
        <v>60</v>
      </c>
      <c r="N187" s="31"/>
      <c r="P187" s="32"/>
    </row>
    <row r="188" spans="1:16" ht="16.5" customHeight="1">
      <c r="A188" s="51"/>
      <c r="B188" s="42"/>
      <c r="C188" s="53" t="s">
        <v>0</v>
      </c>
      <c r="D188" s="54"/>
      <c r="E188" s="110"/>
      <c r="F188" s="111"/>
      <c r="G188" s="112"/>
      <c r="H188" s="113"/>
      <c r="I188" s="55" t="str">
        <f t="shared" ref="I188:I199" si="0">IF(F188="","",F188-E188)</f>
        <v/>
      </c>
      <c r="J188" s="32"/>
      <c r="L188" s="73"/>
      <c r="M188" s="13"/>
      <c r="N188" s="31"/>
      <c r="P188" s="32"/>
    </row>
    <row r="189" spans="1:16" ht="16.5" customHeight="1">
      <c r="A189" s="51"/>
      <c r="B189" s="42"/>
      <c r="C189" s="56" t="s">
        <v>15</v>
      </c>
      <c r="D189" s="57"/>
      <c r="E189" s="114"/>
      <c r="F189" s="115"/>
      <c r="G189" s="116"/>
      <c r="H189" s="117"/>
      <c r="I189" s="58" t="str">
        <f t="shared" si="0"/>
        <v/>
      </c>
      <c r="J189" s="32"/>
      <c r="L189" s="73"/>
      <c r="M189" s="13"/>
      <c r="N189" s="31"/>
      <c r="P189" s="32"/>
    </row>
    <row r="190" spans="1:16" ht="16.5" customHeight="1">
      <c r="A190" s="51"/>
      <c r="B190" s="42"/>
      <c r="C190" s="56" t="s">
        <v>16</v>
      </c>
      <c r="D190" s="57"/>
      <c r="E190" s="114"/>
      <c r="F190" s="115"/>
      <c r="G190" s="116"/>
      <c r="H190" s="117"/>
      <c r="I190" s="58" t="str">
        <f t="shared" si="0"/>
        <v/>
      </c>
      <c r="J190" s="32"/>
      <c r="L190" s="73"/>
      <c r="M190" s="13"/>
      <c r="N190" s="31"/>
      <c r="P190" s="32"/>
    </row>
    <row r="191" spans="1:16" ht="16.5" customHeight="1">
      <c r="A191" s="51"/>
      <c r="B191" s="42"/>
      <c r="C191" s="56" t="s">
        <v>380</v>
      </c>
      <c r="D191" s="57"/>
      <c r="E191" s="114"/>
      <c r="F191" s="115"/>
      <c r="G191" s="116"/>
      <c r="H191" s="117"/>
      <c r="I191" s="58" t="str">
        <f t="shared" si="0"/>
        <v/>
      </c>
      <c r="J191" s="32"/>
      <c r="L191" s="73"/>
      <c r="M191" s="13"/>
      <c r="N191" s="31"/>
      <c r="P191" s="32"/>
    </row>
    <row r="192" spans="1:16" ht="16.5" customHeight="1">
      <c r="A192" s="51"/>
      <c r="B192" s="42"/>
      <c r="C192" s="56" t="s">
        <v>17</v>
      </c>
      <c r="D192" s="57"/>
      <c r="E192" s="114"/>
      <c r="F192" s="115"/>
      <c r="G192" s="116"/>
      <c r="H192" s="117"/>
      <c r="I192" s="58" t="str">
        <f t="shared" si="0"/>
        <v/>
      </c>
      <c r="J192" s="32"/>
      <c r="L192" s="73"/>
      <c r="M192" s="13"/>
      <c r="N192" s="31"/>
      <c r="P192" s="32"/>
    </row>
    <row r="193" spans="1:16" ht="16.5" customHeight="1">
      <c r="A193" s="51"/>
      <c r="B193" s="42"/>
      <c r="C193" s="56" t="s">
        <v>18</v>
      </c>
      <c r="D193" s="57"/>
      <c r="E193" s="114"/>
      <c r="F193" s="115"/>
      <c r="G193" s="116"/>
      <c r="H193" s="117"/>
      <c r="I193" s="58" t="str">
        <f t="shared" si="0"/>
        <v/>
      </c>
      <c r="J193" s="32"/>
      <c r="L193" s="73"/>
      <c r="M193" s="13"/>
      <c r="N193" s="31"/>
      <c r="P193" s="32"/>
    </row>
    <row r="194" spans="1:16" ht="16.5" customHeight="1">
      <c r="A194" s="51"/>
      <c r="B194" s="42"/>
      <c r="C194" s="56" t="s">
        <v>411</v>
      </c>
      <c r="D194" s="57"/>
      <c r="E194" s="114"/>
      <c r="F194" s="115"/>
      <c r="G194" s="116"/>
      <c r="H194" s="117"/>
      <c r="I194" s="58" t="str">
        <f t="shared" si="0"/>
        <v/>
      </c>
      <c r="J194" s="32"/>
      <c r="L194" s="73"/>
      <c r="M194" s="13"/>
      <c r="N194" s="31"/>
      <c r="P194" s="32"/>
    </row>
    <row r="195" spans="1:16" ht="16.5" customHeight="1">
      <c r="A195" s="51"/>
      <c r="B195" s="42"/>
      <c r="C195" s="56" t="s">
        <v>19</v>
      </c>
      <c r="D195" s="57"/>
      <c r="E195" s="114"/>
      <c r="F195" s="115"/>
      <c r="G195" s="116"/>
      <c r="H195" s="117"/>
      <c r="I195" s="58" t="str">
        <f t="shared" si="0"/>
        <v/>
      </c>
      <c r="J195" s="32"/>
      <c r="L195" s="73"/>
      <c r="M195" s="13"/>
      <c r="N195" s="31"/>
      <c r="P195" s="32"/>
    </row>
    <row r="196" spans="1:16" ht="16.5" customHeight="1">
      <c r="A196" s="51"/>
      <c r="B196" s="42"/>
      <c r="C196" s="56" t="s">
        <v>20</v>
      </c>
      <c r="D196" s="57"/>
      <c r="E196" s="114"/>
      <c r="F196" s="115"/>
      <c r="G196" s="116"/>
      <c r="H196" s="117"/>
      <c r="I196" s="58" t="str">
        <f t="shared" si="0"/>
        <v/>
      </c>
      <c r="J196" s="32"/>
      <c r="L196" s="73"/>
      <c r="M196" s="13"/>
      <c r="N196" s="31"/>
      <c r="P196" s="32"/>
    </row>
    <row r="197" spans="1:16" ht="16.5" customHeight="1">
      <c r="A197" s="51"/>
      <c r="B197" s="42"/>
      <c r="C197" s="346" t="s">
        <v>21</v>
      </c>
      <c r="D197" s="347"/>
      <c r="E197" s="114"/>
      <c r="F197" s="115"/>
      <c r="G197" s="116"/>
      <c r="H197" s="117"/>
      <c r="I197" s="58" t="str">
        <f t="shared" si="0"/>
        <v/>
      </c>
      <c r="J197" s="32"/>
      <c r="L197" s="73"/>
      <c r="M197" s="13"/>
      <c r="N197" s="31"/>
      <c r="P197" s="32"/>
    </row>
    <row r="198" spans="1:16" ht="16.5" customHeight="1">
      <c r="A198" s="51"/>
      <c r="B198" s="42"/>
      <c r="C198" s="346" t="s">
        <v>21</v>
      </c>
      <c r="D198" s="347"/>
      <c r="E198" s="114"/>
      <c r="F198" s="115"/>
      <c r="G198" s="116"/>
      <c r="H198" s="117"/>
      <c r="I198" s="58" t="str">
        <f t="shared" si="0"/>
        <v/>
      </c>
      <c r="J198" s="32"/>
      <c r="L198" s="73"/>
      <c r="M198" s="13"/>
      <c r="N198" s="31"/>
      <c r="P198" s="32"/>
    </row>
    <row r="199" spans="1:16" ht="16.5" customHeight="1">
      <c r="A199" s="51"/>
      <c r="B199" s="42"/>
      <c r="C199" s="348" t="s">
        <v>21</v>
      </c>
      <c r="D199" s="349"/>
      <c r="E199" s="118"/>
      <c r="F199" s="119"/>
      <c r="G199" s="120"/>
      <c r="H199" s="121"/>
      <c r="I199" s="59" t="str">
        <f t="shared" si="0"/>
        <v/>
      </c>
      <c r="J199" s="32"/>
      <c r="L199" s="73"/>
      <c r="M199" s="13"/>
      <c r="N199" s="31"/>
      <c r="P199" s="32"/>
    </row>
    <row r="200" spans="1:16" ht="16.5" customHeight="1">
      <c r="A200" s="51"/>
      <c r="B200" s="42"/>
      <c r="C200" s="42"/>
      <c r="D200" s="42"/>
      <c r="E200" s="42"/>
      <c r="F200" s="42"/>
      <c r="G200" s="42"/>
      <c r="H200" s="42"/>
      <c r="I200" s="42"/>
      <c r="J200" s="32"/>
      <c r="L200" s="73"/>
      <c r="M200" s="13"/>
      <c r="N200" s="31"/>
      <c r="P200" s="32"/>
    </row>
    <row r="201" spans="1:16" ht="16.5" customHeight="1">
      <c r="A201" s="51"/>
      <c r="B201" s="42"/>
      <c r="C201" s="42"/>
      <c r="D201" s="42"/>
      <c r="E201" s="42"/>
      <c r="F201" s="42"/>
      <c r="G201" s="42"/>
      <c r="H201" s="42"/>
      <c r="I201" s="42"/>
      <c r="J201" s="32"/>
      <c r="L201" s="73"/>
      <c r="M201" s="13"/>
      <c r="N201" s="31"/>
      <c r="P201" s="32"/>
    </row>
    <row r="202" spans="1:16" ht="16.5" customHeight="1">
      <c r="A202" s="51"/>
      <c r="B202" s="42"/>
      <c r="C202" s="42"/>
      <c r="D202" s="42"/>
      <c r="E202" s="42"/>
      <c r="F202" s="42"/>
      <c r="G202" s="42"/>
      <c r="H202" s="42"/>
      <c r="I202" s="42"/>
      <c r="J202" s="32"/>
      <c r="L202" s="73"/>
      <c r="M202" s="13"/>
      <c r="N202" s="31"/>
      <c r="P202" s="32"/>
    </row>
    <row r="203" spans="1:16" ht="16.5" customHeight="1">
      <c r="A203" s="51"/>
      <c r="B203" s="42"/>
      <c r="C203" s="42"/>
      <c r="D203" s="42"/>
      <c r="E203" s="42"/>
      <c r="F203" s="42"/>
      <c r="G203" s="42"/>
      <c r="H203" s="42"/>
      <c r="I203" s="42"/>
      <c r="J203" s="32"/>
      <c r="L203" s="73"/>
      <c r="M203" s="13"/>
      <c r="N203" s="31"/>
      <c r="P203" s="32"/>
    </row>
    <row r="204" spans="1:16" ht="16.5" customHeight="1">
      <c r="A204" s="51"/>
      <c r="B204" s="42"/>
      <c r="C204" s="42"/>
      <c r="D204" s="42"/>
      <c r="E204" s="42"/>
      <c r="F204" s="42"/>
      <c r="G204" s="42"/>
      <c r="H204" s="42"/>
      <c r="I204" s="42"/>
      <c r="J204" s="32"/>
      <c r="L204" s="73"/>
      <c r="M204" s="13"/>
      <c r="N204" s="31"/>
      <c r="P204" s="32"/>
    </row>
    <row r="205" spans="1:16" ht="16.5" customHeight="1">
      <c r="A205" s="51"/>
      <c r="B205" s="42"/>
      <c r="C205" s="42"/>
      <c r="D205" s="42"/>
      <c r="E205" s="42"/>
      <c r="F205" s="42"/>
      <c r="G205" s="42"/>
      <c r="H205" s="42"/>
      <c r="I205" s="42"/>
      <c r="J205" s="32"/>
      <c r="L205" s="73"/>
      <c r="M205" s="13"/>
      <c r="N205" s="31"/>
      <c r="P205" s="32"/>
    </row>
    <row r="206" spans="1:16" ht="16.5" customHeight="1">
      <c r="A206" s="51"/>
      <c r="B206" s="42"/>
      <c r="C206" s="42"/>
      <c r="D206" s="42"/>
      <c r="E206" s="42"/>
      <c r="F206" s="42"/>
      <c r="G206" s="42"/>
      <c r="H206" s="42"/>
      <c r="I206" s="42"/>
      <c r="J206" s="32"/>
      <c r="L206" s="73"/>
      <c r="M206" s="13"/>
      <c r="N206" s="31"/>
      <c r="P206" s="32"/>
    </row>
    <row r="207" spans="1:16" ht="16.5" customHeight="1">
      <c r="A207" s="51"/>
      <c r="B207" s="42"/>
      <c r="C207" s="42"/>
      <c r="D207" s="42"/>
      <c r="E207" s="42"/>
      <c r="F207" s="42"/>
      <c r="G207" s="42"/>
      <c r="H207" s="42"/>
      <c r="I207" s="42"/>
      <c r="J207" s="32"/>
      <c r="L207" s="73"/>
      <c r="M207" s="13"/>
      <c r="N207" s="31"/>
      <c r="P207" s="32"/>
    </row>
    <row r="208" spans="1:16" ht="16.5" customHeight="1">
      <c r="A208" s="51"/>
      <c r="B208" s="42"/>
      <c r="C208" s="42"/>
      <c r="D208" s="42"/>
      <c r="E208" s="42"/>
      <c r="F208" s="42"/>
      <c r="G208" s="42"/>
      <c r="H208" s="42"/>
      <c r="I208" s="42"/>
      <c r="J208" s="32"/>
      <c r="L208" s="73"/>
      <c r="M208" s="13"/>
      <c r="N208" s="31"/>
      <c r="P208" s="32"/>
    </row>
    <row r="209" spans="1:16" ht="16.5" customHeight="1">
      <c r="A209" s="51"/>
      <c r="B209" s="42"/>
      <c r="C209" s="42"/>
      <c r="D209" s="42"/>
      <c r="E209" s="42"/>
      <c r="F209" s="42"/>
      <c r="G209" s="42"/>
      <c r="H209" s="42"/>
      <c r="I209" s="42"/>
      <c r="J209" s="32"/>
      <c r="L209" s="73"/>
      <c r="M209" s="13"/>
      <c r="N209" s="31"/>
      <c r="P209" s="32"/>
    </row>
    <row r="210" spans="1:16" ht="16.5" customHeight="1">
      <c r="A210" s="51"/>
      <c r="B210" s="42"/>
      <c r="C210" s="42"/>
      <c r="D210" s="42"/>
      <c r="E210" s="42"/>
      <c r="F210" s="42"/>
      <c r="G210" s="42"/>
      <c r="H210" s="42"/>
      <c r="I210" s="42"/>
      <c r="J210" s="32"/>
      <c r="L210" s="73"/>
      <c r="M210" s="13"/>
      <c r="N210" s="31"/>
      <c r="P210" s="32"/>
    </row>
    <row r="211" spans="1:16" ht="16.5" customHeight="1">
      <c r="A211" s="51"/>
      <c r="B211" s="42"/>
      <c r="C211" s="42"/>
      <c r="D211" s="42"/>
      <c r="E211" s="42"/>
      <c r="F211" s="42"/>
      <c r="G211" s="42"/>
      <c r="H211" s="42"/>
      <c r="I211" s="42"/>
      <c r="J211" s="32"/>
      <c r="L211" s="73"/>
      <c r="M211" s="13"/>
      <c r="N211" s="31"/>
      <c r="P211" s="32"/>
    </row>
    <row r="212" spans="1:16" ht="16.5" customHeight="1">
      <c r="A212" s="51"/>
      <c r="B212" s="42"/>
      <c r="C212" s="42"/>
      <c r="D212" s="42"/>
      <c r="E212" s="42"/>
      <c r="F212" s="42"/>
      <c r="G212" s="42"/>
      <c r="H212" s="42"/>
      <c r="I212" s="42"/>
      <c r="J212" s="32"/>
      <c r="L212" s="73"/>
      <c r="M212" s="13"/>
      <c r="N212" s="31"/>
      <c r="P212" s="32"/>
    </row>
    <row r="213" spans="1:16" ht="16.5" customHeight="1">
      <c r="A213" s="51"/>
      <c r="B213" s="42"/>
      <c r="C213" s="42"/>
      <c r="D213" s="42"/>
      <c r="E213" s="42"/>
      <c r="F213" s="42"/>
      <c r="G213" s="42"/>
      <c r="H213" s="42"/>
      <c r="I213" s="42"/>
      <c r="J213" s="32"/>
      <c r="L213" s="73"/>
      <c r="M213" s="13"/>
      <c r="N213" s="31"/>
      <c r="P213" s="32"/>
    </row>
    <row r="214" spans="1:16" ht="16.5" customHeight="1">
      <c r="A214" s="51"/>
      <c r="B214" s="42"/>
      <c r="C214" s="42"/>
      <c r="D214" s="42"/>
      <c r="E214" s="42"/>
      <c r="F214" s="42"/>
      <c r="G214" s="42"/>
      <c r="H214" s="42"/>
      <c r="I214" s="42"/>
      <c r="J214" s="32"/>
      <c r="L214" s="73"/>
      <c r="M214" s="13"/>
      <c r="N214" s="31"/>
      <c r="P214" s="32"/>
    </row>
    <row r="215" spans="1:16" ht="16.5" customHeight="1">
      <c r="A215" s="51"/>
      <c r="B215" s="42"/>
      <c r="C215" s="42"/>
      <c r="D215" s="42"/>
      <c r="E215" s="42"/>
      <c r="F215" s="42"/>
      <c r="G215" s="42"/>
      <c r="H215" s="42"/>
      <c r="I215" s="42"/>
      <c r="J215" s="32"/>
      <c r="L215" s="73"/>
      <c r="M215" s="13"/>
      <c r="N215" s="31"/>
      <c r="P215" s="32"/>
    </row>
    <row r="216" spans="1:16" ht="16.5" customHeight="1">
      <c r="A216" s="51"/>
      <c r="B216" s="42"/>
      <c r="C216" s="42"/>
      <c r="D216" s="42"/>
      <c r="E216" s="42"/>
      <c r="F216" s="42"/>
      <c r="G216" s="42"/>
      <c r="H216" s="42"/>
      <c r="I216" s="42"/>
      <c r="J216" s="32"/>
      <c r="L216" s="73"/>
      <c r="M216" s="13"/>
      <c r="N216" s="31"/>
      <c r="P216" s="32"/>
    </row>
    <row r="217" spans="1:16" ht="16.5" customHeight="1">
      <c r="A217" s="51"/>
      <c r="B217" s="42"/>
      <c r="C217" s="42"/>
      <c r="D217" s="42"/>
      <c r="E217" s="42"/>
      <c r="F217" s="42"/>
      <c r="G217" s="42"/>
      <c r="H217" s="42"/>
      <c r="I217" s="42"/>
      <c r="J217" s="32"/>
      <c r="L217" s="73"/>
      <c r="M217" s="13"/>
      <c r="N217" s="31"/>
      <c r="P217" s="32"/>
    </row>
    <row r="218" spans="1:16" ht="16.5" customHeight="1">
      <c r="A218" s="51"/>
      <c r="B218" s="42"/>
      <c r="C218" s="42"/>
      <c r="D218" s="42"/>
      <c r="E218" s="42"/>
      <c r="F218" s="42"/>
      <c r="G218" s="42"/>
      <c r="H218" s="42"/>
      <c r="I218" s="42"/>
      <c r="J218" s="32"/>
      <c r="L218" s="73"/>
      <c r="M218" s="13"/>
      <c r="N218" s="31"/>
      <c r="P218" s="32"/>
    </row>
    <row r="219" spans="1:16" ht="16.5" customHeight="1">
      <c r="A219" s="51"/>
      <c r="B219" s="42"/>
      <c r="C219" s="42"/>
      <c r="D219" s="42"/>
      <c r="E219" s="42"/>
      <c r="F219" s="42"/>
      <c r="G219" s="42"/>
      <c r="H219" s="42"/>
      <c r="I219" s="42"/>
      <c r="J219" s="32"/>
      <c r="L219" s="73"/>
      <c r="M219" s="13"/>
      <c r="N219" s="31"/>
      <c r="P219" s="32"/>
    </row>
    <row r="220" spans="1:16" ht="16.5" customHeight="1">
      <c r="A220" s="51"/>
      <c r="B220" s="42"/>
      <c r="C220" s="42"/>
      <c r="D220" s="42"/>
      <c r="E220" s="42"/>
      <c r="F220" s="42"/>
      <c r="G220" s="42"/>
      <c r="H220" s="42"/>
      <c r="I220" s="42"/>
      <c r="J220" s="32"/>
      <c r="L220" s="73"/>
      <c r="M220" s="13"/>
      <c r="N220" s="31"/>
      <c r="P220" s="32"/>
    </row>
    <row r="221" spans="1:16" ht="16.5" customHeight="1">
      <c r="A221" s="51"/>
      <c r="B221" s="42"/>
      <c r="C221" s="42"/>
      <c r="D221" s="42"/>
      <c r="E221" s="42"/>
      <c r="F221" s="42"/>
      <c r="G221" s="42"/>
      <c r="H221" s="42"/>
      <c r="I221" s="42"/>
      <c r="J221" s="32"/>
      <c r="L221" s="73"/>
      <c r="M221" s="13"/>
      <c r="N221" s="31"/>
      <c r="P221" s="32"/>
    </row>
    <row r="222" spans="1:16" ht="16.5" customHeight="1">
      <c r="A222" s="51"/>
      <c r="B222" s="42"/>
      <c r="C222" s="42"/>
      <c r="D222" s="42"/>
      <c r="E222" s="42"/>
      <c r="F222" s="42"/>
      <c r="G222" s="42"/>
      <c r="H222" s="42"/>
      <c r="I222" s="42"/>
      <c r="J222" s="32"/>
      <c r="L222" s="73"/>
      <c r="M222" s="13"/>
      <c r="N222" s="31"/>
      <c r="P222" s="32"/>
    </row>
    <row r="223" spans="1:16" ht="16.5" customHeight="1">
      <c r="A223" s="51"/>
      <c r="B223" s="42"/>
      <c r="C223" s="42"/>
      <c r="D223" s="42"/>
      <c r="E223" s="42"/>
      <c r="F223" s="42"/>
      <c r="G223" s="42"/>
      <c r="H223" s="42"/>
      <c r="I223" s="42"/>
      <c r="J223" s="32"/>
      <c r="L223" s="73"/>
      <c r="M223" s="13"/>
      <c r="N223" s="31"/>
      <c r="P223" s="32"/>
    </row>
    <row r="224" spans="1:16" ht="16.5" customHeight="1">
      <c r="A224" s="51"/>
      <c r="B224" s="42"/>
      <c r="C224" s="42"/>
      <c r="D224" s="42"/>
      <c r="E224" s="42"/>
      <c r="F224" s="42"/>
      <c r="G224" s="42"/>
      <c r="H224" s="42"/>
      <c r="I224" s="42"/>
      <c r="J224" s="32"/>
      <c r="L224" s="73"/>
      <c r="M224" s="13"/>
      <c r="N224" s="31"/>
      <c r="P224" s="32"/>
    </row>
    <row r="225" spans="1:16" ht="16.5" customHeight="1">
      <c r="A225" s="51"/>
      <c r="B225" s="42"/>
      <c r="C225" s="42"/>
      <c r="D225" s="42"/>
      <c r="E225" s="42"/>
      <c r="F225" s="42"/>
      <c r="G225" s="42"/>
      <c r="H225" s="42"/>
      <c r="I225" s="42"/>
      <c r="J225" s="32"/>
      <c r="L225" s="73"/>
      <c r="M225" s="13"/>
      <c r="N225" s="31"/>
      <c r="P225" s="32"/>
    </row>
    <row r="226" spans="1:16" ht="16.5" customHeight="1">
      <c r="A226" s="51"/>
      <c r="B226" s="42"/>
      <c r="C226" s="42"/>
      <c r="D226" s="42"/>
      <c r="E226" s="42"/>
      <c r="F226" s="42"/>
      <c r="G226" s="42"/>
      <c r="H226" s="42"/>
      <c r="I226" s="42"/>
      <c r="J226" s="32"/>
      <c r="L226" s="73"/>
      <c r="M226" s="13"/>
      <c r="N226" s="31"/>
      <c r="P226" s="32"/>
    </row>
    <row r="227" spans="1:16" ht="16.5" customHeight="1">
      <c r="A227" s="51"/>
      <c r="B227" s="42"/>
      <c r="C227" s="42"/>
      <c r="D227" s="42"/>
      <c r="E227" s="42"/>
      <c r="F227" s="42"/>
      <c r="G227" s="42"/>
      <c r="H227" s="42"/>
      <c r="I227" s="42"/>
      <c r="J227" s="32"/>
      <c r="L227" s="73"/>
      <c r="M227" s="13"/>
      <c r="N227" s="31"/>
      <c r="P227" s="32"/>
    </row>
    <row r="228" spans="1:16" ht="16.5" customHeight="1">
      <c r="A228" s="51"/>
      <c r="B228" s="42"/>
      <c r="C228" s="42"/>
      <c r="D228" s="42"/>
      <c r="E228" s="42"/>
      <c r="F228" s="42"/>
      <c r="G228" s="42"/>
      <c r="H228" s="42"/>
      <c r="I228" s="42"/>
      <c r="J228" s="32"/>
      <c r="L228" s="73"/>
      <c r="M228" s="13"/>
      <c r="N228" s="31"/>
      <c r="P228" s="32"/>
    </row>
    <row r="229" spans="1:16" ht="16.5" customHeight="1">
      <c r="A229" s="51"/>
      <c r="B229" s="42"/>
      <c r="C229" s="42"/>
      <c r="D229" s="42"/>
      <c r="E229" s="42"/>
      <c r="F229" s="42"/>
      <c r="G229" s="42"/>
      <c r="H229" s="42"/>
      <c r="I229" s="42"/>
      <c r="J229" s="32"/>
      <c r="L229" s="73"/>
      <c r="M229" s="13"/>
      <c r="N229" s="31"/>
      <c r="P229" s="32"/>
    </row>
    <row r="230" spans="1:16" ht="16.5" customHeight="1">
      <c r="A230" s="51"/>
      <c r="B230" s="42"/>
      <c r="C230" s="42"/>
      <c r="D230" s="42"/>
      <c r="E230" s="42"/>
      <c r="F230" s="42"/>
      <c r="G230" s="42"/>
      <c r="H230" s="42"/>
      <c r="I230" s="42"/>
      <c r="J230" s="32"/>
      <c r="L230" s="73"/>
      <c r="M230" s="13"/>
      <c r="N230" s="31"/>
      <c r="P230" s="32"/>
    </row>
    <row r="231" spans="1:16" ht="16.5" customHeight="1">
      <c r="A231" s="51"/>
      <c r="B231" s="42"/>
      <c r="C231" s="42"/>
      <c r="D231" s="42"/>
      <c r="E231" s="42"/>
      <c r="F231" s="42"/>
      <c r="G231" s="42"/>
      <c r="H231" s="42"/>
      <c r="I231" s="42"/>
      <c r="J231" s="32"/>
      <c r="L231" s="73"/>
      <c r="M231" s="13"/>
      <c r="N231" s="31"/>
      <c r="P231" s="32"/>
    </row>
    <row r="232" spans="1:16" ht="16.5" customHeight="1">
      <c r="A232" s="51"/>
      <c r="B232" s="42"/>
      <c r="C232" s="42"/>
      <c r="D232" s="42"/>
      <c r="E232" s="42"/>
      <c r="F232" s="42"/>
      <c r="G232" s="42"/>
      <c r="H232" s="42"/>
      <c r="I232" s="42"/>
      <c r="J232" s="32"/>
      <c r="L232" s="73"/>
      <c r="M232" s="13"/>
      <c r="N232" s="31"/>
      <c r="P232" s="32"/>
    </row>
    <row r="233" spans="1:16" ht="16.5" customHeight="1">
      <c r="A233" s="51"/>
      <c r="B233" s="42"/>
      <c r="C233" s="42"/>
      <c r="D233" s="42"/>
      <c r="E233" s="42"/>
      <c r="F233" s="42"/>
      <c r="G233" s="42"/>
      <c r="H233" s="42"/>
      <c r="I233" s="42"/>
      <c r="J233" s="32"/>
      <c r="L233" s="73"/>
      <c r="M233" s="13"/>
      <c r="N233" s="31"/>
      <c r="P233" s="32"/>
    </row>
    <row r="234" spans="1:16" ht="16.5" customHeight="1">
      <c r="A234" s="51"/>
      <c r="B234" s="42"/>
      <c r="C234" s="42"/>
      <c r="D234" s="42"/>
      <c r="E234" s="42"/>
      <c r="F234" s="42"/>
      <c r="G234" s="42"/>
      <c r="H234" s="42"/>
      <c r="I234" s="42"/>
      <c r="J234" s="32"/>
      <c r="L234" s="73"/>
      <c r="M234" s="13"/>
      <c r="N234" s="31"/>
      <c r="P234" s="32"/>
    </row>
    <row r="235" spans="1:16" ht="16.5" customHeight="1">
      <c r="A235" s="51"/>
      <c r="B235" s="42"/>
      <c r="C235" s="42"/>
      <c r="D235" s="42"/>
      <c r="E235" s="42"/>
      <c r="F235" s="42"/>
      <c r="G235" s="42"/>
      <c r="H235" s="42"/>
      <c r="I235" s="42"/>
      <c r="J235" s="32"/>
      <c r="L235" s="73"/>
      <c r="M235" s="13"/>
      <c r="N235" s="31"/>
      <c r="P235" s="32"/>
    </row>
    <row r="236" spans="1:16" ht="16.5" customHeight="1">
      <c r="A236" s="51"/>
      <c r="B236" s="42"/>
      <c r="C236" s="42"/>
      <c r="D236" s="42"/>
      <c r="E236" s="42"/>
      <c r="F236" s="42"/>
      <c r="G236" s="42"/>
      <c r="H236" s="42"/>
      <c r="I236" s="42"/>
      <c r="J236" s="32"/>
      <c r="L236" s="73"/>
      <c r="M236" s="13"/>
      <c r="N236" s="31"/>
      <c r="P236" s="32"/>
    </row>
    <row r="237" spans="1:16" ht="16.5" customHeight="1">
      <c r="A237" s="51"/>
      <c r="B237" s="42"/>
      <c r="C237" s="42"/>
      <c r="D237" s="42"/>
      <c r="E237" s="42"/>
      <c r="F237" s="42"/>
      <c r="G237" s="42"/>
      <c r="H237" s="42"/>
      <c r="I237" s="42"/>
      <c r="J237" s="32"/>
      <c r="L237" s="73"/>
      <c r="M237" s="13"/>
      <c r="N237" s="31"/>
      <c r="P237" s="32"/>
    </row>
    <row r="238" spans="1:16" ht="16.5" customHeight="1">
      <c r="A238" s="51"/>
      <c r="B238" s="42"/>
      <c r="C238" s="42"/>
      <c r="D238" s="42"/>
      <c r="E238" s="42"/>
      <c r="F238" s="42"/>
      <c r="G238" s="42"/>
      <c r="H238" s="42"/>
      <c r="I238" s="42"/>
      <c r="J238" s="32"/>
      <c r="L238" s="73"/>
      <c r="M238" s="13"/>
      <c r="N238" s="31"/>
      <c r="P238" s="32"/>
    </row>
    <row r="239" spans="1:16" ht="16.5" customHeight="1">
      <c r="A239" s="51"/>
      <c r="B239" s="42"/>
      <c r="C239" s="42"/>
      <c r="D239" s="42"/>
      <c r="E239" s="42"/>
      <c r="F239" s="42"/>
      <c r="G239" s="42"/>
      <c r="H239" s="42"/>
      <c r="I239" s="42"/>
      <c r="J239" s="32"/>
      <c r="L239" s="73"/>
      <c r="M239" s="13"/>
      <c r="N239" s="31"/>
      <c r="P239" s="32"/>
    </row>
    <row r="240" spans="1:16" ht="16.5" customHeight="1">
      <c r="A240" s="51"/>
      <c r="B240" s="42"/>
      <c r="C240" s="42"/>
      <c r="D240" s="42"/>
      <c r="E240" s="42"/>
      <c r="F240" s="42"/>
      <c r="G240" s="42"/>
      <c r="H240" s="42"/>
      <c r="I240" s="42"/>
      <c r="J240" s="32"/>
      <c r="L240" s="73"/>
      <c r="M240" s="13"/>
      <c r="N240" s="31"/>
      <c r="P240" s="32"/>
    </row>
    <row r="241" spans="1:16" ht="16.5" customHeight="1">
      <c r="A241" s="51"/>
      <c r="B241" s="42"/>
      <c r="C241" s="42"/>
      <c r="D241" s="42"/>
      <c r="E241" s="42"/>
      <c r="F241" s="42"/>
      <c r="G241" s="42"/>
      <c r="H241" s="42"/>
      <c r="I241" s="42"/>
      <c r="J241" s="32"/>
      <c r="L241" s="73"/>
      <c r="M241" s="13"/>
      <c r="N241" s="31"/>
      <c r="P241" s="32"/>
    </row>
    <row r="242" spans="1:16" ht="16.5" customHeight="1">
      <c r="A242" s="51"/>
      <c r="B242" s="42"/>
      <c r="C242" s="42"/>
      <c r="D242" s="42"/>
      <c r="E242" s="42"/>
      <c r="F242" s="42"/>
      <c r="G242" s="42"/>
      <c r="H242" s="42"/>
      <c r="I242" s="42"/>
      <c r="J242" s="32"/>
      <c r="L242" s="73"/>
      <c r="M242" s="13"/>
      <c r="N242" s="31"/>
      <c r="P242" s="32"/>
    </row>
    <row r="243" spans="1:16" ht="16.5" customHeight="1">
      <c r="A243" s="51"/>
      <c r="B243" s="42"/>
      <c r="C243" s="42"/>
      <c r="D243" s="42"/>
      <c r="E243" s="42"/>
      <c r="F243" s="42"/>
      <c r="G243" s="42"/>
      <c r="H243" s="42"/>
      <c r="I243" s="42"/>
      <c r="J243" s="32"/>
      <c r="L243" s="73"/>
      <c r="M243" s="13"/>
      <c r="N243" s="31"/>
      <c r="P243" s="32"/>
    </row>
    <row r="244" spans="1:16" ht="16.5" customHeight="1">
      <c r="A244" s="51"/>
      <c r="B244" s="42"/>
      <c r="C244" s="42"/>
      <c r="D244" s="42"/>
      <c r="E244" s="42"/>
      <c r="F244" s="42"/>
      <c r="G244" s="42"/>
      <c r="H244" s="42"/>
      <c r="I244" s="42"/>
      <c r="J244" s="32"/>
      <c r="L244" s="73"/>
      <c r="M244" s="13"/>
      <c r="N244" s="31"/>
      <c r="P244" s="32"/>
    </row>
    <row r="245" spans="1:16" ht="16.5" customHeight="1">
      <c r="A245" s="51"/>
      <c r="B245" s="42"/>
      <c r="C245" s="42"/>
      <c r="D245" s="42"/>
      <c r="E245" s="42"/>
      <c r="F245" s="42"/>
      <c r="G245" s="42"/>
      <c r="H245" s="42"/>
      <c r="I245" s="42"/>
      <c r="J245" s="32"/>
      <c r="L245" s="73"/>
      <c r="M245" s="13"/>
      <c r="N245" s="31"/>
      <c r="P245" s="32"/>
    </row>
    <row r="246" spans="1:16" ht="16.5" customHeight="1">
      <c r="A246" s="51"/>
      <c r="B246" s="42"/>
      <c r="C246" s="42"/>
      <c r="D246" s="42"/>
      <c r="E246" s="42"/>
      <c r="F246" s="42"/>
      <c r="G246" s="42"/>
      <c r="H246" s="42"/>
      <c r="I246" s="42"/>
      <c r="J246" s="32"/>
      <c r="L246" s="73"/>
      <c r="M246" s="13"/>
      <c r="N246" s="31"/>
      <c r="P246" s="32"/>
    </row>
    <row r="247" spans="1:16" ht="16.5" customHeight="1">
      <c r="A247" s="51"/>
      <c r="B247" s="42"/>
      <c r="C247" s="42"/>
      <c r="D247" s="42"/>
      <c r="E247" s="42"/>
      <c r="F247" s="42"/>
      <c r="G247" s="42"/>
      <c r="H247" s="42"/>
      <c r="I247" s="42"/>
      <c r="J247" s="32"/>
      <c r="L247" s="73"/>
      <c r="M247" s="13"/>
      <c r="N247" s="31"/>
      <c r="P247" s="32"/>
    </row>
    <row r="248" spans="1:16" ht="16.5" customHeight="1">
      <c r="A248" s="51"/>
      <c r="B248" s="42"/>
      <c r="C248" s="42"/>
      <c r="D248" s="42"/>
      <c r="E248" s="42"/>
      <c r="F248" s="42"/>
      <c r="G248" s="42"/>
      <c r="H248" s="42"/>
      <c r="I248" s="42"/>
      <c r="J248" s="32"/>
      <c r="L248" s="73"/>
      <c r="M248" s="13"/>
      <c r="N248" s="31"/>
      <c r="P248" s="32"/>
    </row>
    <row r="249" spans="1:16" ht="16.5" customHeight="1">
      <c r="A249" s="51"/>
      <c r="B249" s="42"/>
      <c r="C249" s="42"/>
      <c r="D249" s="42"/>
      <c r="E249" s="42"/>
      <c r="F249" s="42"/>
      <c r="G249" s="42"/>
      <c r="H249" s="42"/>
      <c r="I249" s="42"/>
      <c r="J249" s="32"/>
      <c r="L249" s="73"/>
      <c r="M249" s="13"/>
      <c r="N249" s="31"/>
      <c r="P249" s="32"/>
    </row>
    <row r="250" spans="1:16" ht="16.5" customHeight="1">
      <c r="A250" s="51"/>
      <c r="B250" s="42"/>
      <c r="C250" s="42"/>
      <c r="D250" s="42"/>
      <c r="E250" s="42"/>
      <c r="F250" s="42"/>
      <c r="G250" s="42"/>
      <c r="H250" s="42"/>
      <c r="I250" s="42"/>
      <c r="J250" s="32"/>
      <c r="L250" s="73"/>
      <c r="M250" s="13"/>
      <c r="N250" s="31"/>
      <c r="P250" s="32"/>
    </row>
    <row r="251" spans="1:16" ht="16.5" customHeight="1">
      <c r="A251" s="51"/>
      <c r="B251" s="42"/>
      <c r="C251" s="42"/>
      <c r="D251" s="42"/>
      <c r="E251" s="42"/>
      <c r="F251" s="42"/>
      <c r="G251" s="42"/>
      <c r="H251" s="42"/>
      <c r="I251" s="42"/>
      <c r="J251" s="32"/>
      <c r="L251" s="73"/>
      <c r="M251" s="13"/>
      <c r="N251" s="31"/>
      <c r="P251" s="32"/>
    </row>
    <row r="252" spans="1:16" ht="16.5" customHeight="1">
      <c r="A252" s="51"/>
      <c r="B252" s="42"/>
      <c r="C252" s="42"/>
      <c r="D252" s="42"/>
      <c r="E252" s="42"/>
      <c r="F252" s="42"/>
      <c r="G252" s="42"/>
      <c r="H252" s="42"/>
      <c r="I252" s="42"/>
      <c r="J252" s="32"/>
      <c r="L252" s="73"/>
      <c r="M252" s="13"/>
      <c r="N252" s="31"/>
      <c r="P252" s="32"/>
    </row>
    <row r="253" spans="1:16" ht="16.5" customHeight="1">
      <c r="A253" s="60" t="s">
        <v>85</v>
      </c>
      <c r="B253" s="42"/>
      <c r="C253" s="42"/>
      <c r="D253" s="42"/>
      <c r="E253" s="42"/>
      <c r="F253" s="42"/>
      <c r="G253" s="42"/>
      <c r="H253" s="42"/>
      <c r="I253" s="42"/>
      <c r="J253" s="32"/>
      <c r="L253" s="73"/>
      <c r="M253" s="13"/>
      <c r="N253" s="31"/>
      <c r="P253" s="32"/>
    </row>
    <row r="254" spans="1:16" ht="16.5" customHeight="1">
      <c r="A254" s="51"/>
      <c r="B254" s="42" t="s">
        <v>134</v>
      </c>
      <c r="C254" s="42"/>
      <c r="D254" s="42"/>
      <c r="E254" s="42"/>
      <c r="F254" s="42"/>
      <c r="G254" s="42"/>
      <c r="H254" s="42"/>
      <c r="I254" s="42"/>
      <c r="J254" s="32"/>
      <c r="K254" s="90" t="s">
        <v>179</v>
      </c>
      <c r="L254" s="91" t="s">
        <v>179</v>
      </c>
      <c r="M254" s="13"/>
      <c r="N254" s="31"/>
      <c r="P254" s="32"/>
    </row>
    <row r="255" spans="1:16" ht="16.5" customHeight="1">
      <c r="A255" s="51"/>
      <c r="B255" s="42" t="s">
        <v>305</v>
      </c>
      <c r="C255" s="42"/>
      <c r="D255" s="42"/>
      <c r="E255" s="42"/>
      <c r="F255" s="42"/>
      <c r="G255" s="42"/>
      <c r="H255" s="42"/>
      <c r="I255" s="42"/>
      <c r="J255" s="32"/>
      <c r="K255" s="90" t="s">
        <v>179</v>
      </c>
      <c r="L255" s="91" t="s">
        <v>179</v>
      </c>
      <c r="M255" s="13"/>
      <c r="N255" s="31"/>
      <c r="P255" s="32"/>
    </row>
    <row r="256" spans="1:16" ht="16.5" customHeight="1">
      <c r="A256" s="51"/>
      <c r="B256" s="42" t="s">
        <v>135</v>
      </c>
      <c r="C256" s="42"/>
      <c r="D256" s="42"/>
      <c r="E256" s="42"/>
      <c r="F256" s="42"/>
      <c r="G256" s="42"/>
      <c r="H256" s="42"/>
      <c r="I256" s="42"/>
      <c r="J256" s="32"/>
      <c r="K256" s="90" t="s">
        <v>179</v>
      </c>
      <c r="L256" s="91" t="s">
        <v>179</v>
      </c>
      <c r="M256" s="13"/>
      <c r="N256" s="31"/>
      <c r="P256" s="32"/>
    </row>
    <row r="257" spans="1:16" ht="16.5" customHeight="1">
      <c r="A257" s="51"/>
      <c r="B257" s="42"/>
      <c r="C257" s="42"/>
      <c r="D257" s="42"/>
      <c r="E257" s="42"/>
      <c r="F257" s="42"/>
      <c r="G257" s="42"/>
      <c r="H257" s="42"/>
      <c r="I257" s="42"/>
      <c r="J257" s="32"/>
      <c r="L257" s="73"/>
      <c r="M257" s="13"/>
      <c r="N257" s="31"/>
      <c r="P257" s="32"/>
    </row>
    <row r="258" spans="1:16" ht="16.5" customHeight="1">
      <c r="A258" s="51"/>
      <c r="B258" s="42"/>
      <c r="C258" s="42"/>
      <c r="D258" s="42"/>
      <c r="E258" s="42"/>
      <c r="F258" s="42"/>
      <c r="G258" s="42"/>
      <c r="H258" s="42"/>
      <c r="I258" s="42"/>
      <c r="J258" s="32"/>
      <c r="L258" s="73"/>
      <c r="M258" s="13"/>
      <c r="N258" s="31"/>
      <c r="P258" s="32"/>
    </row>
    <row r="259" spans="1:16" ht="16.5" customHeight="1">
      <c r="A259" s="51"/>
      <c r="B259" s="42"/>
      <c r="C259" s="42"/>
      <c r="D259" s="42"/>
      <c r="E259" s="42"/>
      <c r="F259" s="42"/>
      <c r="G259" s="42"/>
      <c r="H259" s="42"/>
      <c r="I259" s="42"/>
      <c r="J259" s="32"/>
      <c r="L259" s="73"/>
      <c r="M259" s="13"/>
      <c r="N259" s="31"/>
      <c r="P259" s="32"/>
    </row>
    <row r="260" spans="1:16" ht="16.5" customHeight="1">
      <c r="A260" s="51"/>
      <c r="B260" s="42"/>
      <c r="C260" s="42"/>
      <c r="D260" s="42"/>
      <c r="E260" s="42"/>
      <c r="F260" s="42"/>
      <c r="G260" s="42"/>
      <c r="H260" s="42"/>
      <c r="I260" s="42"/>
      <c r="J260" s="32"/>
      <c r="L260" s="73"/>
      <c r="M260" s="13"/>
      <c r="N260" s="31"/>
      <c r="P260" s="32"/>
    </row>
    <row r="261" spans="1:16" ht="16.5" customHeight="1">
      <c r="A261" s="51"/>
      <c r="B261" s="42"/>
      <c r="C261" s="42"/>
      <c r="D261" s="42"/>
      <c r="E261" s="42"/>
      <c r="F261" s="42"/>
      <c r="G261" s="42"/>
      <c r="H261" s="42"/>
      <c r="I261" s="42"/>
      <c r="J261" s="32"/>
      <c r="L261" s="73"/>
      <c r="M261" s="13"/>
      <c r="N261" s="31"/>
      <c r="P261" s="32"/>
    </row>
    <row r="262" spans="1:16" ht="16.5" customHeight="1">
      <c r="A262" s="51"/>
      <c r="B262" s="42"/>
      <c r="C262" s="42"/>
      <c r="D262" s="42"/>
      <c r="E262" s="42"/>
      <c r="F262" s="42"/>
      <c r="G262" s="42"/>
      <c r="H262" s="42"/>
      <c r="I262" s="42"/>
      <c r="J262" s="32"/>
      <c r="L262" s="73"/>
      <c r="M262" s="13"/>
      <c r="N262" s="31"/>
      <c r="P262" s="32"/>
    </row>
    <row r="263" spans="1:16" ht="16.5" customHeight="1">
      <c r="A263" s="51"/>
      <c r="B263" s="42"/>
      <c r="C263" s="42"/>
      <c r="D263" s="42"/>
      <c r="E263" s="42"/>
      <c r="F263" s="42"/>
      <c r="G263" s="42"/>
      <c r="H263" s="42"/>
      <c r="I263" s="42"/>
      <c r="J263" s="32"/>
      <c r="L263" s="73"/>
      <c r="M263" s="13"/>
      <c r="N263" s="31"/>
      <c r="P263" s="32"/>
    </row>
    <row r="264" spans="1:16" ht="16.5" customHeight="1">
      <c r="A264" s="51"/>
      <c r="B264" s="42"/>
      <c r="C264" s="42"/>
      <c r="D264" s="42"/>
      <c r="E264" s="42"/>
      <c r="F264" s="42"/>
      <c r="G264" s="42"/>
      <c r="H264" s="42"/>
      <c r="I264" s="42"/>
      <c r="J264" s="32"/>
      <c r="L264" s="73"/>
      <c r="M264" s="13"/>
      <c r="N264" s="31"/>
      <c r="P264" s="32"/>
    </row>
    <row r="265" spans="1:16" ht="16.5" customHeight="1">
      <c r="A265" s="51"/>
      <c r="B265" s="42"/>
      <c r="C265" s="42"/>
      <c r="D265" s="42"/>
      <c r="E265" s="42"/>
      <c r="F265" s="42"/>
      <c r="G265" s="42"/>
      <c r="H265" s="42"/>
      <c r="I265" s="42"/>
      <c r="J265" s="32"/>
      <c r="L265" s="73"/>
      <c r="M265" s="13"/>
      <c r="N265" s="31"/>
      <c r="P265" s="32"/>
    </row>
    <row r="266" spans="1:16" ht="16.5" customHeight="1">
      <c r="A266" s="51"/>
      <c r="B266" s="42"/>
      <c r="C266" s="42"/>
      <c r="D266" s="42"/>
      <c r="E266" s="42"/>
      <c r="F266" s="42"/>
      <c r="G266" s="42"/>
      <c r="H266" s="42"/>
      <c r="I266" s="42"/>
      <c r="J266" s="32"/>
      <c r="L266" s="73"/>
      <c r="M266" s="13"/>
      <c r="N266" s="31"/>
      <c r="P266" s="32"/>
    </row>
    <row r="267" spans="1:16" ht="16.5" customHeight="1">
      <c r="A267" s="51"/>
      <c r="B267" s="42"/>
      <c r="C267" s="42"/>
      <c r="D267" s="42"/>
      <c r="E267" s="42"/>
      <c r="F267" s="42"/>
      <c r="G267" s="42"/>
      <c r="H267" s="42"/>
      <c r="I267" s="42"/>
      <c r="J267" s="32"/>
      <c r="L267" s="73"/>
      <c r="M267" s="13"/>
      <c r="N267" s="31"/>
      <c r="P267" s="32"/>
    </row>
    <row r="268" spans="1:16" ht="16.5" customHeight="1">
      <c r="A268" s="51"/>
      <c r="B268" s="42"/>
      <c r="C268" s="42"/>
      <c r="D268" s="42"/>
      <c r="E268" s="42"/>
      <c r="F268" s="42"/>
      <c r="G268" s="42"/>
      <c r="H268" s="42"/>
      <c r="I268" s="42"/>
      <c r="J268" s="32"/>
      <c r="L268" s="73"/>
      <c r="M268" s="13"/>
      <c r="N268" s="31"/>
      <c r="P268" s="32"/>
    </row>
    <row r="269" spans="1:16" ht="16.5" customHeight="1">
      <c r="A269" s="51"/>
      <c r="B269" s="42"/>
      <c r="C269" s="42"/>
      <c r="D269" s="42"/>
      <c r="E269" s="42"/>
      <c r="F269" s="42"/>
      <c r="G269" s="42"/>
      <c r="H269" s="42"/>
      <c r="I269" s="42"/>
      <c r="J269" s="32"/>
      <c r="L269" s="73"/>
      <c r="M269" s="13"/>
      <c r="N269" s="31"/>
      <c r="P269" s="32"/>
    </row>
    <row r="270" spans="1:16" ht="16.5" customHeight="1">
      <c r="A270" s="51"/>
      <c r="B270" s="42"/>
      <c r="C270" s="42"/>
      <c r="D270" s="42"/>
      <c r="E270" s="42"/>
      <c r="F270" s="42"/>
      <c r="G270" s="42"/>
      <c r="H270" s="42"/>
      <c r="I270" s="42"/>
      <c r="J270" s="32"/>
      <c r="L270" s="73"/>
      <c r="M270" s="13"/>
      <c r="N270" s="31"/>
      <c r="P270" s="32"/>
    </row>
    <row r="271" spans="1:16" ht="16.5" customHeight="1">
      <c r="A271" s="51"/>
      <c r="B271" s="42"/>
      <c r="C271" s="42"/>
      <c r="D271" s="42"/>
      <c r="E271" s="42"/>
      <c r="F271" s="42"/>
      <c r="G271" s="42"/>
      <c r="H271" s="42"/>
      <c r="I271" s="42"/>
      <c r="J271" s="32"/>
      <c r="L271" s="73"/>
      <c r="M271" s="13"/>
      <c r="N271" s="31"/>
      <c r="P271" s="32"/>
    </row>
    <row r="272" spans="1:16" ht="16.5" customHeight="1">
      <c r="A272" s="51"/>
      <c r="B272" s="42"/>
      <c r="C272" s="42"/>
      <c r="D272" s="42"/>
      <c r="E272" s="42"/>
      <c r="F272" s="42"/>
      <c r="G272" s="42"/>
      <c r="H272" s="42"/>
      <c r="I272" s="42"/>
      <c r="J272" s="32"/>
      <c r="L272" s="73"/>
      <c r="M272" s="13"/>
      <c r="N272" s="31"/>
      <c r="P272" s="32"/>
    </row>
    <row r="273" spans="1:16" ht="16.5" customHeight="1">
      <c r="A273" s="51"/>
      <c r="B273" s="42"/>
      <c r="C273" s="42"/>
      <c r="D273" s="42"/>
      <c r="E273" s="42"/>
      <c r="F273" s="42"/>
      <c r="G273" s="42"/>
      <c r="H273" s="42"/>
      <c r="I273" s="42"/>
      <c r="J273" s="32"/>
      <c r="L273" s="73"/>
      <c r="M273" s="13"/>
      <c r="N273" s="31"/>
      <c r="P273" s="32"/>
    </row>
    <row r="274" spans="1:16" ht="16.5" customHeight="1">
      <c r="A274" s="51" t="s">
        <v>107</v>
      </c>
      <c r="B274" s="42"/>
      <c r="C274" s="42"/>
      <c r="D274" s="42"/>
      <c r="E274" s="42"/>
      <c r="F274" s="42"/>
      <c r="G274" s="42"/>
      <c r="H274" s="42"/>
      <c r="I274" s="42"/>
      <c r="J274" s="32"/>
      <c r="L274" s="73"/>
      <c r="M274" s="13"/>
      <c r="N274" s="31"/>
      <c r="P274" s="32"/>
    </row>
    <row r="275" spans="1:16" ht="16.5" customHeight="1">
      <c r="A275" s="51"/>
      <c r="B275" s="42" t="s">
        <v>176</v>
      </c>
      <c r="C275" s="42"/>
      <c r="D275" s="42"/>
      <c r="E275" s="42"/>
      <c r="F275" s="42"/>
      <c r="G275" s="42"/>
      <c r="H275" s="42"/>
      <c r="I275" s="42"/>
      <c r="J275" s="32"/>
      <c r="K275" s="90" t="s">
        <v>179</v>
      </c>
      <c r="L275" s="91" t="s">
        <v>179</v>
      </c>
      <c r="M275" s="13"/>
      <c r="N275" s="31"/>
      <c r="P275" s="32"/>
    </row>
    <row r="276" spans="1:16" ht="16.5" customHeight="1">
      <c r="A276" s="51"/>
      <c r="B276" s="42" t="s">
        <v>177</v>
      </c>
      <c r="C276" s="42"/>
      <c r="D276" s="42"/>
      <c r="E276" s="42"/>
      <c r="F276" s="42"/>
      <c r="G276" s="42"/>
      <c r="H276" s="42"/>
      <c r="I276" s="42"/>
      <c r="J276" s="32"/>
      <c r="L276" s="73"/>
      <c r="M276" s="13"/>
      <c r="N276" s="31"/>
      <c r="P276" s="32"/>
    </row>
    <row r="277" spans="1:16" ht="16.5" customHeight="1">
      <c r="A277" s="51"/>
      <c r="B277" s="42"/>
      <c r="C277" s="42"/>
      <c r="D277" s="42"/>
      <c r="E277" s="42"/>
      <c r="F277" s="42"/>
      <c r="G277" s="42"/>
      <c r="H277" s="42"/>
      <c r="I277" s="42"/>
      <c r="J277" s="32"/>
      <c r="L277" s="73"/>
      <c r="M277" s="13"/>
      <c r="N277" s="31"/>
      <c r="P277" s="32"/>
    </row>
    <row r="278" spans="1:16" ht="16.5" customHeight="1">
      <c r="A278" s="51"/>
      <c r="B278" s="42"/>
      <c r="C278" s="42"/>
      <c r="D278" s="42"/>
      <c r="E278" s="42"/>
      <c r="F278" s="42"/>
      <c r="G278" s="42"/>
      <c r="H278" s="42"/>
      <c r="I278" s="42"/>
      <c r="J278" s="32"/>
      <c r="L278" s="73"/>
      <c r="M278" s="13"/>
      <c r="N278" s="31"/>
      <c r="P278" s="32"/>
    </row>
    <row r="279" spans="1:16" ht="16.5" customHeight="1">
      <c r="A279" s="51"/>
      <c r="B279" s="42"/>
      <c r="C279" s="42"/>
      <c r="D279" s="42"/>
      <c r="E279" s="42"/>
      <c r="F279" s="42"/>
      <c r="G279" s="42"/>
      <c r="H279" s="42"/>
      <c r="I279" s="42"/>
      <c r="J279" s="32"/>
      <c r="L279" s="73"/>
      <c r="M279" s="13"/>
      <c r="N279" s="31"/>
      <c r="P279" s="32"/>
    </row>
    <row r="280" spans="1:16" ht="16.5" customHeight="1">
      <c r="A280" s="51"/>
      <c r="B280" s="42"/>
      <c r="C280" s="42"/>
      <c r="D280" s="42"/>
      <c r="E280" s="42"/>
      <c r="F280" s="42"/>
      <c r="G280" s="42"/>
      <c r="H280" s="42"/>
      <c r="I280" s="42"/>
      <c r="J280" s="32"/>
      <c r="L280" s="73"/>
      <c r="M280" s="13"/>
      <c r="N280" s="31"/>
      <c r="P280" s="32"/>
    </row>
    <row r="281" spans="1:16" ht="16.5" customHeight="1">
      <c r="A281" s="51" t="s">
        <v>108</v>
      </c>
      <c r="B281" s="42"/>
      <c r="C281" s="42"/>
      <c r="D281" s="42"/>
      <c r="E281" s="42"/>
      <c r="F281" s="42"/>
      <c r="G281" s="42"/>
      <c r="H281" s="42"/>
      <c r="I281" s="42"/>
      <c r="J281" s="32"/>
      <c r="L281" s="73"/>
      <c r="M281" s="13"/>
      <c r="N281" s="31"/>
      <c r="P281" s="32"/>
    </row>
    <row r="282" spans="1:16" ht="16.5" customHeight="1">
      <c r="A282" s="51"/>
      <c r="B282" s="42" t="s">
        <v>484</v>
      </c>
      <c r="C282" s="42"/>
      <c r="D282" s="42"/>
      <c r="E282" s="42"/>
      <c r="F282" s="42"/>
      <c r="G282" s="42"/>
      <c r="H282" s="42"/>
      <c r="I282" s="42"/>
      <c r="J282" s="32"/>
      <c r="K282" s="90" t="s">
        <v>179</v>
      </c>
      <c r="L282" s="91" t="s">
        <v>179</v>
      </c>
      <c r="M282" s="13"/>
      <c r="N282" s="31"/>
      <c r="P282" s="32"/>
    </row>
    <row r="283" spans="1:16" ht="16.5" customHeight="1">
      <c r="A283" s="51"/>
      <c r="B283" s="42" t="s">
        <v>485</v>
      </c>
      <c r="C283" s="42"/>
      <c r="D283" s="42"/>
      <c r="E283" s="42"/>
      <c r="F283" s="42"/>
      <c r="G283" s="42"/>
      <c r="H283" s="42"/>
      <c r="I283" s="42"/>
      <c r="J283" s="32"/>
      <c r="L283" s="73"/>
      <c r="M283" s="13"/>
      <c r="N283" s="31"/>
      <c r="P283" s="32"/>
    </row>
    <row r="284" spans="1:16" ht="16.5" customHeight="1">
      <c r="A284" s="51"/>
      <c r="B284" s="42" t="s">
        <v>413</v>
      </c>
      <c r="C284" s="42"/>
      <c r="D284" s="42"/>
      <c r="E284" s="42"/>
      <c r="F284" s="42"/>
      <c r="G284" s="42"/>
      <c r="H284" s="42"/>
      <c r="I284" s="42"/>
      <c r="J284" s="32"/>
      <c r="K284" s="90" t="s">
        <v>179</v>
      </c>
      <c r="L284" s="91" t="s">
        <v>179</v>
      </c>
      <c r="M284" s="13"/>
      <c r="N284" s="31"/>
      <c r="P284" s="32"/>
    </row>
    <row r="285" spans="1:16" ht="16.5" customHeight="1">
      <c r="A285" s="51"/>
      <c r="B285" s="42" t="s">
        <v>414</v>
      </c>
      <c r="C285" s="42"/>
      <c r="D285" s="42"/>
      <c r="E285" s="42"/>
      <c r="F285" s="42"/>
      <c r="G285" s="42"/>
      <c r="H285" s="42"/>
      <c r="I285" s="42"/>
      <c r="J285" s="32"/>
      <c r="K285" s="90"/>
      <c r="L285" s="91"/>
      <c r="M285" s="13"/>
      <c r="N285" s="31"/>
      <c r="P285" s="32"/>
    </row>
    <row r="286" spans="1:16" ht="16.5" customHeight="1">
      <c r="A286" s="51"/>
      <c r="B286" s="42" t="s">
        <v>579</v>
      </c>
      <c r="C286" s="42"/>
      <c r="D286" s="42"/>
      <c r="E286" s="42"/>
      <c r="F286" s="42"/>
      <c r="G286" s="42"/>
      <c r="H286" s="42"/>
      <c r="I286" s="42"/>
      <c r="J286" s="32"/>
      <c r="K286" s="90" t="s">
        <v>179</v>
      </c>
      <c r="L286" s="91" t="s">
        <v>179</v>
      </c>
      <c r="M286" s="13"/>
      <c r="N286" s="31"/>
      <c r="P286" s="32"/>
    </row>
    <row r="287" spans="1:16" ht="16.5" customHeight="1">
      <c r="A287" s="51"/>
      <c r="B287" s="42" t="s">
        <v>578</v>
      </c>
      <c r="C287" s="42"/>
      <c r="D287" s="42"/>
      <c r="E287" s="42"/>
      <c r="F287" s="42"/>
      <c r="G287" s="42"/>
      <c r="H287" s="42"/>
      <c r="I287" s="42"/>
      <c r="J287" s="32"/>
      <c r="K287" s="90" t="s">
        <v>179</v>
      </c>
      <c r="L287" s="91" t="s">
        <v>179</v>
      </c>
      <c r="M287" s="13"/>
      <c r="N287" s="31"/>
      <c r="P287" s="32"/>
    </row>
    <row r="288" spans="1:16" ht="16.5" customHeight="1">
      <c r="A288" s="51"/>
      <c r="B288" s="42"/>
      <c r="C288" s="42"/>
      <c r="D288" s="42"/>
      <c r="E288" s="42"/>
      <c r="F288" s="42"/>
      <c r="G288" s="42"/>
      <c r="H288" s="42"/>
      <c r="I288" s="42"/>
      <c r="J288" s="32"/>
      <c r="L288" s="73"/>
      <c r="M288" s="13"/>
      <c r="N288" s="31"/>
      <c r="P288" s="32"/>
    </row>
    <row r="289" spans="1:16" ht="16.5" customHeight="1">
      <c r="A289" s="51"/>
      <c r="B289" s="42"/>
      <c r="C289" s="42"/>
      <c r="D289" s="42"/>
      <c r="E289" s="42"/>
      <c r="F289" s="42"/>
      <c r="G289" s="42"/>
      <c r="H289" s="42"/>
      <c r="I289" s="42"/>
      <c r="J289" s="32"/>
      <c r="L289" s="73"/>
      <c r="M289" s="13"/>
      <c r="N289" s="31"/>
      <c r="P289" s="32"/>
    </row>
    <row r="290" spans="1:16" ht="16.5" customHeight="1">
      <c r="A290" s="51"/>
      <c r="B290" s="42"/>
      <c r="C290" s="42"/>
      <c r="D290" s="42"/>
      <c r="E290" s="42"/>
      <c r="F290" s="42"/>
      <c r="G290" s="42"/>
      <c r="H290" s="42"/>
      <c r="I290" s="42"/>
      <c r="J290" s="32"/>
      <c r="L290" s="73"/>
      <c r="M290" s="13"/>
      <c r="N290" s="31"/>
      <c r="P290" s="32"/>
    </row>
    <row r="291" spans="1:16" ht="16.5" customHeight="1">
      <c r="A291" s="51"/>
      <c r="B291" s="42"/>
      <c r="C291" s="42"/>
      <c r="D291" s="42"/>
      <c r="E291" s="42"/>
      <c r="F291" s="42"/>
      <c r="G291" s="42"/>
      <c r="H291" s="42"/>
      <c r="I291" s="42"/>
      <c r="J291" s="32"/>
      <c r="L291" s="73"/>
      <c r="M291" s="13"/>
      <c r="N291" s="31"/>
      <c r="P291" s="32"/>
    </row>
    <row r="292" spans="1:16" ht="16.5" customHeight="1">
      <c r="A292" s="51"/>
      <c r="B292" s="42"/>
      <c r="C292" s="42"/>
      <c r="D292" s="42"/>
      <c r="E292" s="42"/>
      <c r="F292" s="42"/>
      <c r="G292" s="42"/>
      <c r="H292" s="42"/>
      <c r="I292" s="42"/>
      <c r="J292" s="32"/>
      <c r="L292" s="73"/>
      <c r="M292" s="13"/>
      <c r="N292" s="31"/>
      <c r="P292" s="32"/>
    </row>
    <row r="293" spans="1:16" ht="16.5" customHeight="1">
      <c r="A293" s="51"/>
      <c r="B293" s="42"/>
      <c r="C293" s="42"/>
      <c r="D293" s="42"/>
      <c r="E293" s="42"/>
      <c r="F293" s="42"/>
      <c r="G293" s="42"/>
      <c r="H293" s="42"/>
      <c r="I293" s="42"/>
      <c r="J293" s="32"/>
      <c r="L293" s="73"/>
      <c r="M293" s="13"/>
      <c r="N293" s="31"/>
      <c r="P293" s="32"/>
    </row>
    <row r="294" spans="1:16" ht="16.5" customHeight="1">
      <c r="A294" s="51"/>
      <c r="B294" s="42"/>
      <c r="C294" s="42"/>
      <c r="D294" s="42"/>
      <c r="E294" s="42"/>
      <c r="F294" s="42"/>
      <c r="G294" s="42"/>
      <c r="H294" s="42"/>
      <c r="I294" s="42"/>
      <c r="J294" s="32"/>
      <c r="L294" s="73"/>
      <c r="M294" s="13"/>
      <c r="N294" s="31"/>
      <c r="P294" s="32"/>
    </row>
    <row r="295" spans="1:16" ht="16.5" customHeight="1">
      <c r="A295" s="51"/>
      <c r="B295" s="42"/>
      <c r="C295" s="42"/>
      <c r="D295" s="42"/>
      <c r="E295" s="42"/>
      <c r="F295" s="42"/>
      <c r="G295" s="42"/>
      <c r="H295" s="42"/>
      <c r="I295" s="42"/>
      <c r="J295" s="32"/>
      <c r="L295" s="73"/>
      <c r="M295" s="13"/>
      <c r="N295" s="31"/>
      <c r="P295" s="32"/>
    </row>
    <row r="296" spans="1:16" ht="16.5" customHeight="1">
      <c r="A296" s="51"/>
      <c r="B296" s="42"/>
      <c r="C296" s="42"/>
      <c r="D296" s="42"/>
      <c r="E296" s="42"/>
      <c r="F296" s="42"/>
      <c r="G296" s="42"/>
      <c r="H296" s="42"/>
      <c r="I296" s="42"/>
      <c r="J296" s="32"/>
      <c r="L296" s="73"/>
      <c r="M296" s="13"/>
      <c r="N296" s="31"/>
      <c r="P296" s="32"/>
    </row>
    <row r="297" spans="1:16" ht="16.5" customHeight="1">
      <c r="A297" s="51"/>
      <c r="B297" s="42"/>
      <c r="C297" s="42"/>
      <c r="D297" s="42"/>
      <c r="E297" s="42"/>
      <c r="F297" s="42"/>
      <c r="G297" s="42"/>
      <c r="H297" s="42"/>
      <c r="I297" s="42"/>
      <c r="J297" s="32"/>
      <c r="L297" s="73"/>
      <c r="M297" s="13"/>
      <c r="N297" s="31"/>
      <c r="P297" s="32"/>
    </row>
    <row r="298" spans="1:16" ht="16.5" customHeight="1">
      <c r="A298" s="51"/>
      <c r="B298" s="42"/>
      <c r="C298" s="42"/>
      <c r="D298" s="42"/>
      <c r="E298" s="42"/>
      <c r="F298" s="42"/>
      <c r="G298" s="42"/>
      <c r="H298" s="42"/>
      <c r="I298" s="42"/>
      <c r="J298" s="32"/>
      <c r="L298" s="73"/>
      <c r="M298" s="13"/>
      <c r="N298" s="31"/>
      <c r="P298" s="32"/>
    </row>
    <row r="299" spans="1:16" ht="16.5" customHeight="1">
      <c r="A299" s="51"/>
      <c r="B299" s="42"/>
      <c r="C299" s="42"/>
      <c r="D299" s="42"/>
      <c r="E299" s="42"/>
      <c r="F299" s="42"/>
      <c r="G299" s="42"/>
      <c r="H299" s="42"/>
      <c r="I299" s="42"/>
      <c r="J299" s="32"/>
      <c r="L299" s="73"/>
      <c r="M299" s="13"/>
      <c r="N299" s="31"/>
      <c r="P299" s="32"/>
    </row>
    <row r="300" spans="1:16" ht="16.5" customHeight="1">
      <c r="A300" s="51"/>
      <c r="B300" s="42"/>
      <c r="C300" s="42"/>
      <c r="D300" s="42"/>
      <c r="E300" s="42"/>
      <c r="F300" s="42"/>
      <c r="G300" s="42"/>
      <c r="H300" s="42"/>
      <c r="I300" s="42"/>
      <c r="J300" s="32"/>
      <c r="L300" s="73"/>
      <c r="M300" s="13"/>
      <c r="N300" s="31"/>
      <c r="P300" s="32"/>
    </row>
    <row r="301" spans="1:16" ht="16.5" customHeight="1">
      <c r="A301" s="51"/>
      <c r="B301" s="42"/>
      <c r="C301" s="42"/>
      <c r="D301" s="42"/>
      <c r="E301" s="42"/>
      <c r="F301" s="42"/>
      <c r="G301" s="42"/>
      <c r="H301" s="42"/>
      <c r="I301" s="42"/>
      <c r="J301" s="32"/>
      <c r="L301" s="73"/>
      <c r="M301" s="13"/>
      <c r="N301" s="31"/>
      <c r="P301" s="32"/>
    </row>
    <row r="302" spans="1:16" ht="16.5" customHeight="1">
      <c r="A302" s="51"/>
      <c r="B302" s="42"/>
      <c r="C302" s="42"/>
      <c r="D302" s="42"/>
      <c r="E302" s="42"/>
      <c r="F302" s="42"/>
      <c r="G302" s="42"/>
      <c r="H302" s="42"/>
      <c r="I302" s="42"/>
      <c r="J302" s="32"/>
      <c r="L302" s="73"/>
      <c r="M302" s="13"/>
      <c r="N302" s="31"/>
      <c r="P302" s="32"/>
    </row>
    <row r="303" spans="1:16" ht="16.5" customHeight="1">
      <c r="A303" s="51"/>
      <c r="B303" s="42"/>
      <c r="C303" s="42"/>
      <c r="D303" s="42"/>
      <c r="E303" s="42"/>
      <c r="F303" s="42"/>
      <c r="G303" s="42"/>
      <c r="H303" s="42"/>
      <c r="I303" s="42"/>
      <c r="J303" s="32"/>
      <c r="L303" s="73"/>
      <c r="M303" s="13"/>
      <c r="N303" s="31"/>
      <c r="P303" s="32"/>
    </row>
    <row r="304" spans="1:16" ht="16.5" customHeight="1">
      <c r="A304" s="51"/>
      <c r="B304" s="42"/>
      <c r="C304" s="42"/>
      <c r="D304" s="42"/>
      <c r="E304" s="42"/>
      <c r="F304" s="42"/>
      <c r="G304" s="42"/>
      <c r="H304" s="42"/>
      <c r="I304" s="42"/>
      <c r="J304" s="32"/>
      <c r="L304" s="73"/>
      <c r="M304" s="13"/>
      <c r="N304" s="31"/>
      <c r="P304" s="32"/>
    </row>
    <row r="305" spans="1:16" ht="16.5" customHeight="1">
      <c r="A305" s="51"/>
      <c r="B305" s="42"/>
      <c r="C305" s="42"/>
      <c r="D305" s="42"/>
      <c r="E305" s="42"/>
      <c r="F305" s="42"/>
      <c r="G305" s="42"/>
      <c r="H305" s="42"/>
      <c r="I305" s="42"/>
      <c r="J305" s="32"/>
      <c r="L305" s="73"/>
      <c r="M305" s="13"/>
      <c r="N305" s="31"/>
      <c r="P305" s="32"/>
    </row>
    <row r="306" spans="1:16" ht="16.5" customHeight="1">
      <c r="A306" s="51"/>
      <c r="B306" s="42"/>
      <c r="C306" s="42"/>
      <c r="D306" s="42"/>
      <c r="E306" s="42"/>
      <c r="F306" s="42"/>
      <c r="G306" s="42"/>
      <c r="H306" s="42"/>
      <c r="I306" s="42"/>
      <c r="J306" s="32"/>
      <c r="L306" s="73"/>
      <c r="M306" s="13"/>
      <c r="N306" s="31"/>
      <c r="P306" s="32"/>
    </row>
    <row r="307" spans="1:16" ht="16.5" customHeight="1">
      <c r="A307" s="51"/>
      <c r="B307" s="42"/>
      <c r="C307" s="42"/>
      <c r="D307" s="42"/>
      <c r="E307" s="42"/>
      <c r="F307" s="42"/>
      <c r="G307" s="42"/>
      <c r="H307" s="42"/>
      <c r="I307" s="42"/>
      <c r="J307" s="32"/>
      <c r="L307" s="73"/>
      <c r="M307" s="13"/>
      <c r="N307" s="31"/>
      <c r="P307" s="32"/>
    </row>
    <row r="308" spans="1:16" ht="16.5" customHeight="1">
      <c r="A308" s="51"/>
      <c r="B308" s="42"/>
      <c r="C308" s="42"/>
      <c r="D308" s="42"/>
      <c r="E308" s="42"/>
      <c r="F308" s="42"/>
      <c r="G308" s="42"/>
      <c r="H308" s="42"/>
      <c r="I308" s="42"/>
      <c r="J308" s="32"/>
      <c r="L308" s="73"/>
      <c r="M308" s="13"/>
      <c r="N308" s="31"/>
      <c r="P308" s="32"/>
    </row>
    <row r="309" spans="1:16" ht="16.5" customHeight="1">
      <c r="A309" s="51"/>
      <c r="B309" s="42"/>
      <c r="C309" s="42"/>
      <c r="D309" s="42"/>
      <c r="E309" s="42"/>
      <c r="F309" s="42"/>
      <c r="G309" s="42"/>
      <c r="H309" s="42"/>
      <c r="I309" s="42"/>
      <c r="J309" s="32"/>
      <c r="L309" s="73"/>
      <c r="M309" s="13"/>
      <c r="N309" s="31"/>
      <c r="P309" s="32"/>
    </row>
    <row r="310" spans="1:16" ht="16.5" customHeight="1">
      <c r="A310" s="51"/>
      <c r="B310" s="42"/>
      <c r="C310" s="42"/>
      <c r="D310" s="42"/>
      <c r="E310" s="42"/>
      <c r="F310" s="42"/>
      <c r="G310" s="42"/>
      <c r="H310" s="42"/>
      <c r="I310" s="42"/>
      <c r="J310" s="32"/>
      <c r="L310" s="73"/>
      <c r="M310" s="13"/>
      <c r="N310" s="31"/>
      <c r="P310" s="32"/>
    </row>
    <row r="311" spans="1:16" ht="16.5" customHeight="1">
      <c r="A311" s="51"/>
      <c r="B311" s="42"/>
      <c r="C311" s="42"/>
      <c r="D311" s="42"/>
      <c r="E311" s="42"/>
      <c r="F311" s="42"/>
      <c r="G311" s="42"/>
      <c r="H311" s="42"/>
      <c r="I311" s="42"/>
      <c r="J311" s="32"/>
      <c r="L311" s="73"/>
      <c r="M311" s="13"/>
      <c r="N311" s="31"/>
      <c r="P311" s="32"/>
    </row>
    <row r="312" spans="1:16" ht="16.5" customHeight="1">
      <c r="A312" s="51"/>
      <c r="B312" s="42"/>
      <c r="C312" s="42"/>
      <c r="D312" s="42"/>
      <c r="E312" s="42"/>
      <c r="F312" s="42"/>
      <c r="G312" s="42"/>
      <c r="H312" s="42"/>
      <c r="I312" s="42"/>
      <c r="J312" s="32"/>
      <c r="L312" s="73"/>
      <c r="M312" s="13"/>
      <c r="N312" s="31"/>
      <c r="P312" s="32"/>
    </row>
    <row r="313" spans="1:16" ht="16.5" customHeight="1">
      <c r="A313" s="51"/>
      <c r="B313" s="42"/>
      <c r="C313" s="42"/>
      <c r="D313" s="42"/>
      <c r="E313" s="42"/>
      <c r="F313" s="42"/>
      <c r="G313" s="42"/>
      <c r="H313" s="42"/>
      <c r="I313" s="42"/>
      <c r="J313" s="32"/>
      <c r="L313" s="73"/>
      <c r="M313" s="13"/>
      <c r="N313" s="31"/>
      <c r="P313" s="32"/>
    </row>
    <row r="314" spans="1:16" ht="16.5" customHeight="1">
      <c r="A314" s="51"/>
      <c r="B314" s="42"/>
      <c r="C314" s="42"/>
      <c r="D314" s="42"/>
      <c r="E314" s="42"/>
      <c r="F314" s="42"/>
      <c r="G314" s="42"/>
      <c r="H314" s="42"/>
      <c r="I314" s="42"/>
      <c r="J314" s="32"/>
      <c r="L314" s="73"/>
      <c r="M314" s="13"/>
      <c r="N314" s="31"/>
      <c r="P314" s="32"/>
    </row>
    <row r="315" spans="1:16" ht="16.5" customHeight="1">
      <c r="A315" s="51"/>
      <c r="B315" s="42"/>
      <c r="C315" s="42"/>
      <c r="D315" s="42"/>
      <c r="E315" s="42"/>
      <c r="F315" s="42"/>
      <c r="G315" s="42"/>
      <c r="H315" s="42"/>
      <c r="I315" s="42"/>
      <c r="J315" s="32"/>
      <c r="L315" s="73"/>
      <c r="M315" s="13"/>
      <c r="N315" s="31"/>
      <c r="P315" s="32"/>
    </row>
    <row r="316" spans="1:16" ht="16.5" customHeight="1">
      <c r="A316" s="51"/>
      <c r="B316" s="42"/>
      <c r="C316" s="42"/>
      <c r="D316" s="42"/>
      <c r="E316" s="42"/>
      <c r="F316" s="42"/>
      <c r="G316" s="42"/>
      <c r="H316" s="42"/>
      <c r="I316" s="42"/>
      <c r="J316" s="32"/>
      <c r="L316" s="73"/>
      <c r="M316" s="13"/>
      <c r="N316" s="31"/>
      <c r="P316" s="32"/>
    </row>
    <row r="317" spans="1:16" ht="16.5" customHeight="1">
      <c r="A317" s="51"/>
      <c r="B317" s="42"/>
      <c r="C317" s="42"/>
      <c r="D317" s="42"/>
      <c r="E317" s="42"/>
      <c r="F317" s="42"/>
      <c r="G317" s="42"/>
      <c r="H317" s="42"/>
      <c r="I317" s="42"/>
      <c r="J317" s="32"/>
      <c r="L317" s="73"/>
      <c r="M317" s="13"/>
      <c r="N317" s="31"/>
      <c r="P317" s="32"/>
    </row>
    <row r="318" spans="1:16" ht="16.5" customHeight="1">
      <c r="A318" s="51"/>
      <c r="B318" s="42"/>
      <c r="C318" s="42"/>
      <c r="D318" s="42"/>
      <c r="E318" s="42"/>
      <c r="F318" s="42"/>
      <c r="G318" s="42"/>
      <c r="H318" s="42"/>
      <c r="I318" s="42"/>
      <c r="J318" s="32"/>
      <c r="L318" s="73"/>
      <c r="M318" s="13"/>
      <c r="N318" s="31"/>
      <c r="P318" s="32"/>
    </row>
    <row r="319" spans="1:16" ht="16.5" customHeight="1">
      <c r="A319" s="51"/>
      <c r="B319" s="42"/>
      <c r="C319" s="42"/>
      <c r="D319" s="42"/>
      <c r="E319" s="42"/>
      <c r="F319" s="42"/>
      <c r="G319" s="42"/>
      <c r="H319" s="42"/>
      <c r="I319" s="42"/>
      <c r="J319" s="32"/>
      <c r="L319" s="73"/>
      <c r="M319" s="13"/>
      <c r="N319" s="31"/>
      <c r="P319" s="32"/>
    </row>
    <row r="320" spans="1:16" ht="16.5" customHeight="1">
      <c r="A320" s="51"/>
      <c r="B320" s="42"/>
      <c r="C320" s="42"/>
      <c r="D320" s="42"/>
      <c r="E320" s="42"/>
      <c r="F320" s="42"/>
      <c r="G320" s="42"/>
      <c r="H320" s="42"/>
      <c r="I320" s="42"/>
      <c r="J320" s="32"/>
      <c r="L320" s="73"/>
      <c r="M320" s="13"/>
      <c r="N320" s="31"/>
      <c r="P320" s="32"/>
    </row>
    <row r="321" spans="1:16" ht="16.5" customHeight="1">
      <c r="A321" s="51" t="s">
        <v>412</v>
      </c>
      <c r="B321" s="42"/>
      <c r="C321" s="42"/>
      <c r="D321" s="42"/>
      <c r="E321" s="42"/>
      <c r="F321" s="42"/>
      <c r="G321" s="42"/>
      <c r="H321" s="42"/>
      <c r="I321" s="42"/>
      <c r="J321" s="32"/>
      <c r="L321" s="73"/>
      <c r="M321" s="13"/>
      <c r="N321" s="31"/>
      <c r="P321" s="32"/>
    </row>
    <row r="322" spans="1:16" ht="16.5" customHeight="1">
      <c r="A322" s="51"/>
      <c r="B322" s="42" t="s">
        <v>486</v>
      </c>
      <c r="C322" s="42"/>
      <c r="D322" s="42"/>
      <c r="E322" s="42"/>
      <c r="F322" s="42"/>
      <c r="G322" s="42"/>
      <c r="H322" s="42"/>
      <c r="I322" s="42"/>
      <c r="J322" s="32"/>
      <c r="K322" s="90" t="s">
        <v>179</v>
      </c>
      <c r="L322" s="91" t="s">
        <v>179</v>
      </c>
      <c r="M322" s="13"/>
      <c r="N322" s="31"/>
      <c r="P322" s="32"/>
    </row>
    <row r="323" spans="1:16" ht="16.5" customHeight="1">
      <c r="A323" s="51"/>
      <c r="B323" s="42" t="s">
        <v>487</v>
      </c>
      <c r="C323" s="42"/>
      <c r="D323" s="42"/>
      <c r="E323" s="42"/>
      <c r="F323" s="42"/>
      <c r="G323" s="42"/>
      <c r="H323" s="42"/>
      <c r="I323" s="42"/>
      <c r="J323" s="32"/>
      <c r="L323" s="73"/>
      <c r="M323" s="13"/>
      <c r="N323" s="31"/>
      <c r="P323" s="32"/>
    </row>
    <row r="324" spans="1:16" ht="16.5" customHeight="1">
      <c r="A324" s="51"/>
      <c r="B324" s="42" t="s">
        <v>488</v>
      </c>
      <c r="C324" s="42"/>
      <c r="D324" s="42"/>
      <c r="E324" s="42"/>
      <c r="F324" s="42"/>
      <c r="G324" s="42"/>
      <c r="H324" s="42"/>
      <c r="I324" s="42"/>
      <c r="J324" s="32"/>
      <c r="K324" s="90" t="s">
        <v>179</v>
      </c>
      <c r="L324" s="91" t="s">
        <v>179</v>
      </c>
      <c r="M324" s="13"/>
      <c r="N324" s="31"/>
      <c r="P324" s="32"/>
    </row>
    <row r="325" spans="1:16" ht="16.5" customHeight="1">
      <c r="A325" s="51"/>
      <c r="B325" s="42" t="s">
        <v>579</v>
      </c>
      <c r="C325" s="42"/>
      <c r="D325" s="42"/>
      <c r="E325" s="42"/>
      <c r="F325" s="42"/>
      <c r="G325" s="42"/>
      <c r="H325" s="42"/>
      <c r="I325" s="42"/>
      <c r="J325" s="32"/>
      <c r="K325" s="90" t="s">
        <v>179</v>
      </c>
      <c r="L325" s="91" t="s">
        <v>179</v>
      </c>
      <c r="M325" s="13"/>
      <c r="N325" s="31"/>
      <c r="P325" s="32"/>
    </row>
    <row r="326" spans="1:16" ht="16.5" customHeight="1">
      <c r="A326" s="51"/>
      <c r="B326" s="42"/>
      <c r="C326" s="42"/>
      <c r="D326" s="42"/>
      <c r="E326" s="42"/>
      <c r="F326" s="42"/>
      <c r="G326" s="42"/>
      <c r="H326" s="42"/>
      <c r="I326" s="42"/>
      <c r="J326" s="32"/>
      <c r="K326" s="90"/>
      <c r="L326" s="91"/>
      <c r="M326" s="13"/>
      <c r="N326" s="31"/>
      <c r="P326" s="32"/>
    </row>
    <row r="327" spans="1:16" ht="16.5" customHeight="1">
      <c r="A327" s="51"/>
      <c r="B327" s="42"/>
      <c r="C327" s="42"/>
      <c r="D327" s="42"/>
      <c r="E327" s="42"/>
      <c r="F327" s="42"/>
      <c r="G327" s="42"/>
      <c r="H327" s="42"/>
      <c r="I327" s="42"/>
      <c r="J327" s="32"/>
      <c r="K327" s="90"/>
      <c r="L327" s="91"/>
      <c r="M327" s="13"/>
      <c r="N327" s="31"/>
      <c r="P327" s="32"/>
    </row>
    <row r="328" spans="1:16" ht="16.5" customHeight="1">
      <c r="A328" s="51"/>
      <c r="B328" s="42"/>
      <c r="C328" s="42"/>
      <c r="D328" s="42"/>
      <c r="E328" s="42"/>
      <c r="F328" s="42"/>
      <c r="G328" s="42"/>
      <c r="H328" s="42"/>
      <c r="I328" s="42"/>
      <c r="J328" s="32"/>
      <c r="K328" s="90"/>
      <c r="L328" s="91"/>
      <c r="M328" s="13"/>
      <c r="N328" s="31"/>
      <c r="P328" s="32"/>
    </row>
    <row r="329" spans="1:16" ht="16.5" customHeight="1">
      <c r="A329" s="51"/>
      <c r="B329" s="42"/>
      <c r="C329" s="42"/>
      <c r="D329" s="42"/>
      <c r="E329" s="42"/>
      <c r="F329" s="42"/>
      <c r="G329" s="42"/>
      <c r="H329" s="42"/>
      <c r="I329" s="42"/>
      <c r="J329" s="32"/>
      <c r="K329" s="90"/>
      <c r="L329" s="91"/>
      <c r="M329" s="13"/>
      <c r="N329" s="31"/>
      <c r="P329" s="32"/>
    </row>
    <row r="330" spans="1:16" ht="16.5" customHeight="1">
      <c r="A330" s="51"/>
      <c r="B330" s="42"/>
      <c r="C330" s="42"/>
      <c r="D330" s="42"/>
      <c r="E330" s="42"/>
      <c r="F330" s="42"/>
      <c r="G330" s="42"/>
      <c r="H330" s="42"/>
      <c r="I330" s="42"/>
      <c r="J330" s="32"/>
      <c r="K330" s="90"/>
      <c r="L330" s="91"/>
      <c r="M330" s="13"/>
      <c r="N330" s="31"/>
      <c r="P330" s="32"/>
    </row>
    <row r="331" spans="1:16" ht="16.5" customHeight="1">
      <c r="A331" s="51"/>
      <c r="B331" s="42"/>
      <c r="C331" s="42"/>
      <c r="D331" s="42"/>
      <c r="E331" s="42"/>
      <c r="F331" s="42"/>
      <c r="G331" s="42"/>
      <c r="H331" s="42"/>
      <c r="I331" s="42"/>
      <c r="J331" s="32"/>
      <c r="K331" s="90"/>
      <c r="L331" s="91"/>
      <c r="M331" s="13"/>
      <c r="N331" s="31"/>
      <c r="P331" s="32"/>
    </row>
    <row r="332" spans="1:16" ht="16.5" customHeight="1">
      <c r="A332" s="51"/>
      <c r="B332" s="42"/>
      <c r="C332" s="42"/>
      <c r="D332" s="42"/>
      <c r="E332" s="42"/>
      <c r="F332" s="42"/>
      <c r="G332" s="42"/>
      <c r="H332" s="42"/>
      <c r="I332" s="42"/>
      <c r="J332" s="32"/>
      <c r="K332" s="90"/>
      <c r="L332" s="91"/>
      <c r="M332" s="13"/>
      <c r="N332" s="31"/>
      <c r="P332" s="32"/>
    </row>
    <row r="333" spans="1:16" ht="16.5" customHeight="1">
      <c r="A333" s="51"/>
      <c r="B333" s="42"/>
      <c r="C333" s="42"/>
      <c r="D333" s="42"/>
      <c r="E333" s="42"/>
      <c r="F333" s="42"/>
      <c r="G333" s="42"/>
      <c r="H333" s="42"/>
      <c r="I333" s="42"/>
      <c r="J333" s="32"/>
      <c r="K333" s="90"/>
      <c r="L333" s="91"/>
      <c r="M333" s="13"/>
      <c r="N333" s="31"/>
      <c r="P333" s="32"/>
    </row>
    <row r="334" spans="1:16" ht="16.5" customHeight="1">
      <c r="A334" s="51"/>
      <c r="B334" s="42"/>
      <c r="C334" s="42"/>
      <c r="D334" s="42"/>
      <c r="E334" s="42"/>
      <c r="F334" s="42"/>
      <c r="G334" s="42"/>
      <c r="H334" s="42"/>
      <c r="I334" s="42"/>
      <c r="J334" s="32"/>
      <c r="K334" s="90"/>
      <c r="L334" s="91"/>
      <c r="M334" s="13"/>
      <c r="N334" s="31"/>
      <c r="P334" s="32"/>
    </row>
    <row r="335" spans="1:16" ht="16.5" customHeight="1">
      <c r="A335" s="51" t="s">
        <v>415</v>
      </c>
      <c r="B335" s="42"/>
      <c r="C335" s="42"/>
      <c r="D335" s="42"/>
      <c r="E335" s="42"/>
      <c r="F335" s="42"/>
      <c r="G335" s="42"/>
      <c r="H335" s="42"/>
      <c r="I335" s="42"/>
      <c r="J335" s="32"/>
      <c r="L335" s="73"/>
      <c r="M335" s="13"/>
      <c r="N335" s="31"/>
      <c r="P335" s="32"/>
    </row>
    <row r="336" spans="1:16" ht="16.5" customHeight="1">
      <c r="A336" s="51"/>
      <c r="B336" s="42" t="s">
        <v>456</v>
      </c>
      <c r="C336" s="42"/>
      <c r="D336" s="42"/>
      <c r="E336" s="42"/>
      <c r="F336" s="42"/>
      <c r="G336" s="42"/>
      <c r="H336" s="42"/>
      <c r="I336" s="42"/>
      <c r="J336" s="32"/>
      <c r="K336" s="90" t="s">
        <v>179</v>
      </c>
      <c r="L336" s="91" t="s">
        <v>179</v>
      </c>
      <c r="M336" s="13"/>
      <c r="N336" s="31"/>
      <c r="P336" s="32"/>
    </row>
    <row r="337" spans="1:16" ht="16.5" customHeight="1">
      <c r="A337" s="51"/>
      <c r="B337" s="42" t="s">
        <v>457</v>
      </c>
      <c r="C337" s="42"/>
      <c r="D337" s="42"/>
      <c r="E337" s="42"/>
      <c r="F337" s="42"/>
      <c r="G337" s="42"/>
      <c r="H337" s="42"/>
      <c r="I337" s="42"/>
      <c r="J337" s="32"/>
      <c r="L337" s="73"/>
      <c r="M337" s="13"/>
      <c r="N337" s="31"/>
      <c r="P337" s="32"/>
    </row>
    <row r="338" spans="1:16" ht="16.5" customHeight="1">
      <c r="A338" s="51"/>
      <c r="B338" s="42" t="s">
        <v>416</v>
      </c>
      <c r="C338" s="42"/>
      <c r="D338" s="42"/>
      <c r="E338" s="42"/>
      <c r="F338" s="42"/>
      <c r="G338" s="42"/>
      <c r="H338" s="42"/>
      <c r="I338" s="42"/>
      <c r="J338" s="32"/>
      <c r="K338" s="90" t="s">
        <v>179</v>
      </c>
      <c r="L338" s="91" t="s">
        <v>179</v>
      </c>
      <c r="M338" s="13"/>
      <c r="N338" s="31"/>
      <c r="P338" s="32"/>
    </row>
    <row r="339" spans="1:16" ht="16.5" customHeight="1">
      <c r="A339" s="51"/>
      <c r="B339" s="42" t="s">
        <v>579</v>
      </c>
      <c r="C339" s="42"/>
      <c r="D339" s="42"/>
      <c r="E339" s="42"/>
      <c r="F339" s="42"/>
      <c r="G339" s="42"/>
      <c r="H339" s="42"/>
      <c r="I339" s="42"/>
      <c r="J339" s="32"/>
      <c r="K339" s="90" t="s">
        <v>179</v>
      </c>
      <c r="L339" s="91" t="s">
        <v>179</v>
      </c>
      <c r="M339" s="13"/>
      <c r="N339" s="31"/>
      <c r="P339" s="32"/>
    </row>
    <row r="340" spans="1:16" ht="16.5" customHeight="1">
      <c r="A340" s="51"/>
      <c r="B340" s="42"/>
      <c r="C340" s="42"/>
      <c r="D340" s="42"/>
      <c r="E340" s="42"/>
      <c r="F340" s="42"/>
      <c r="G340" s="42"/>
      <c r="H340" s="42"/>
      <c r="I340" s="42"/>
      <c r="J340" s="32"/>
      <c r="L340" s="73"/>
      <c r="M340" s="13"/>
      <c r="N340" s="31"/>
      <c r="P340" s="32"/>
    </row>
    <row r="341" spans="1:16" ht="16.5" customHeight="1">
      <c r="A341" s="51"/>
      <c r="B341" s="42"/>
      <c r="C341" s="42"/>
      <c r="D341" s="42"/>
      <c r="E341" s="42"/>
      <c r="F341" s="42"/>
      <c r="G341" s="42"/>
      <c r="H341" s="42"/>
      <c r="I341" s="42"/>
      <c r="J341" s="32"/>
      <c r="L341" s="73"/>
      <c r="M341" s="13"/>
      <c r="N341" s="31"/>
      <c r="P341" s="32"/>
    </row>
    <row r="342" spans="1:16" ht="16.5" customHeight="1">
      <c r="A342" s="51"/>
      <c r="B342" s="42"/>
      <c r="C342" s="42"/>
      <c r="D342" s="42"/>
      <c r="E342" s="42"/>
      <c r="F342" s="42"/>
      <c r="G342" s="42"/>
      <c r="H342" s="42"/>
      <c r="I342" s="42"/>
      <c r="J342" s="32"/>
      <c r="L342" s="73"/>
      <c r="M342" s="13"/>
      <c r="N342" s="31"/>
      <c r="P342" s="32"/>
    </row>
    <row r="343" spans="1:16" ht="16.5" customHeight="1">
      <c r="A343" s="51"/>
      <c r="B343" s="42"/>
      <c r="C343" s="42"/>
      <c r="D343" s="42"/>
      <c r="E343" s="42"/>
      <c r="F343" s="42"/>
      <c r="G343" s="42"/>
      <c r="H343" s="42"/>
      <c r="I343" s="42"/>
      <c r="J343" s="32"/>
      <c r="L343" s="73"/>
      <c r="M343" s="13"/>
      <c r="N343" s="31"/>
      <c r="P343" s="32"/>
    </row>
    <row r="344" spans="1:16" ht="16.5" customHeight="1">
      <c r="A344" s="51"/>
      <c r="B344" s="42"/>
      <c r="C344" s="42"/>
      <c r="D344" s="42"/>
      <c r="E344" s="42"/>
      <c r="F344" s="42"/>
      <c r="G344" s="42"/>
      <c r="H344" s="42"/>
      <c r="I344" s="42"/>
      <c r="J344" s="32"/>
      <c r="L344" s="73"/>
      <c r="M344" s="13"/>
      <c r="N344" s="31"/>
      <c r="P344" s="32"/>
    </row>
    <row r="345" spans="1:16" ht="16.5" customHeight="1">
      <c r="A345" s="51"/>
      <c r="B345" s="42"/>
      <c r="C345" s="42"/>
      <c r="D345" s="42"/>
      <c r="E345" s="42"/>
      <c r="F345" s="42"/>
      <c r="G345" s="42"/>
      <c r="H345" s="42"/>
      <c r="I345" s="42"/>
      <c r="J345" s="32"/>
      <c r="L345" s="73"/>
      <c r="M345" s="13"/>
      <c r="N345" s="31"/>
      <c r="P345" s="32"/>
    </row>
    <row r="346" spans="1:16" ht="16.5" customHeight="1">
      <c r="A346" s="51"/>
      <c r="B346" s="42"/>
      <c r="C346" s="42"/>
      <c r="D346" s="42"/>
      <c r="E346" s="42"/>
      <c r="F346" s="42"/>
      <c r="G346" s="42"/>
      <c r="H346" s="42"/>
      <c r="I346" s="42"/>
      <c r="J346" s="32"/>
      <c r="L346" s="73"/>
      <c r="M346" s="13"/>
      <c r="N346" s="31"/>
      <c r="P346" s="32"/>
    </row>
    <row r="347" spans="1:16" ht="16.5" customHeight="1">
      <c r="A347" s="60" t="s">
        <v>417</v>
      </c>
      <c r="B347" s="42"/>
      <c r="C347" s="42"/>
      <c r="D347" s="42"/>
      <c r="E347" s="42"/>
      <c r="F347" s="42"/>
      <c r="G347" s="42"/>
      <c r="H347" s="42"/>
      <c r="I347" s="42"/>
      <c r="J347" s="32"/>
      <c r="L347" s="73"/>
      <c r="M347" s="13"/>
      <c r="N347" s="31"/>
      <c r="P347" s="32"/>
    </row>
    <row r="348" spans="1:16" ht="16.5" customHeight="1">
      <c r="A348" s="51"/>
      <c r="B348" s="42" t="s">
        <v>418</v>
      </c>
      <c r="C348" s="42"/>
      <c r="D348" s="42"/>
      <c r="E348" s="42"/>
      <c r="F348" s="42"/>
      <c r="G348" s="42"/>
      <c r="H348" s="42"/>
      <c r="I348" s="42"/>
      <c r="J348" s="32"/>
      <c r="K348" s="90" t="s">
        <v>179</v>
      </c>
      <c r="L348" s="91" t="s">
        <v>179</v>
      </c>
      <c r="M348" s="13"/>
      <c r="N348" s="31"/>
      <c r="P348" s="32"/>
    </row>
    <row r="349" spans="1:16" ht="16.5" customHeight="1">
      <c r="A349" s="51"/>
      <c r="B349" s="42"/>
      <c r="C349" s="42"/>
      <c r="D349" s="42"/>
      <c r="E349" s="42"/>
      <c r="F349" s="42"/>
      <c r="G349" s="42"/>
      <c r="H349" s="42"/>
      <c r="I349" s="42"/>
      <c r="J349" s="32"/>
      <c r="K349" s="90"/>
      <c r="L349" s="91"/>
      <c r="M349" s="13"/>
      <c r="N349" s="31"/>
      <c r="P349" s="32"/>
    </row>
    <row r="350" spans="1:16" ht="16.5" customHeight="1">
      <c r="A350" s="51"/>
      <c r="B350" s="42"/>
      <c r="C350" s="42"/>
      <c r="D350" s="42"/>
      <c r="E350" s="42"/>
      <c r="F350" s="42"/>
      <c r="G350" s="42"/>
      <c r="H350" s="42"/>
      <c r="I350" s="42"/>
      <c r="J350" s="32"/>
      <c r="K350" s="90"/>
      <c r="L350" s="91"/>
      <c r="M350" s="13"/>
      <c r="N350" s="31"/>
      <c r="P350" s="32"/>
    </row>
    <row r="351" spans="1:16" ht="16.5" customHeight="1">
      <c r="A351" s="51" t="s">
        <v>419</v>
      </c>
      <c r="B351" s="42"/>
      <c r="C351" s="42"/>
      <c r="D351" s="42"/>
      <c r="E351" s="42"/>
      <c r="F351" s="42"/>
      <c r="G351" s="42"/>
      <c r="H351" s="42"/>
      <c r="I351" s="42"/>
      <c r="J351" s="32"/>
      <c r="L351" s="73"/>
      <c r="M351" s="13"/>
      <c r="N351" s="31"/>
      <c r="P351" s="32"/>
    </row>
    <row r="352" spans="1:16" ht="16.5" customHeight="1">
      <c r="A352" s="51" t="s">
        <v>420</v>
      </c>
      <c r="B352" s="42"/>
      <c r="C352" s="42"/>
      <c r="D352" s="42"/>
      <c r="E352" s="42"/>
      <c r="F352" s="42"/>
      <c r="G352" s="42"/>
      <c r="H352" s="42"/>
      <c r="I352" s="42"/>
      <c r="J352" s="32"/>
      <c r="K352" s="90" t="s">
        <v>179</v>
      </c>
      <c r="L352" s="91" t="s">
        <v>179</v>
      </c>
      <c r="M352" s="13"/>
      <c r="N352" s="31"/>
      <c r="P352" s="32"/>
    </row>
    <row r="353" spans="1:16" ht="16.5" customHeight="1">
      <c r="A353" s="51"/>
      <c r="B353" s="42"/>
      <c r="C353" s="42"/>
      <c r="D353" s="42"/>
      <c r="E353" s="42"/>
      <c r="F353" s="42"/>
      <c r="G353" s="42"/>
      <c r="H353" s="42"/>
      <c r="I353" s="42"/>
      <c r="J353" s="32"/>
      <c r="L353" s="73"/>
      <c r="M353" s="13"/>
      <c r="N353" s="31"/>
      <c r="P353" s="32"/>
    </row>
    <row r="354" spans="1:16" ht="16.5" customHeight="1">
      <c r="A354" s="51"/>
      <c r="B354" s="42"/>
      <c r="C354" s="42"/>
      <c r="D354" s="42"/>
      <c r="E354" s="42"/>
      <c r="F354" s="42"/>
      <c r="G354" s="42"/>
      <c r="H354" s="42"/>
      <c r="I354" s="42"/>
      <c r="J354" s="32"/>
      <c r="L354" s="73"/>
      <c r="M354" s="13"/>
      <c r="N354" s="31"/>
      <c r="P354" s="32"/>
    </row>
    <row r="355" spans="1:16" ht="16.5" customHeight="1">
      <c r="A355" s="51"/>
      <c r="B355" s="42"/>
      <c r="C355" s="42"/>
      <c r="D355" s="42"/>
      <c r="E355" s="42"/>
      <c r="F355" s="42"/>
      <c r="G355" s="42"/>
      <c r="H355" s="42"/>
      <c r="I355" s="42"/>
      <c r="J355" s="32"/>
      <c r="L355" s="73"/>
      <c r="M355" s="13"/>
      <c r="N355" s="31"/>
      <c r="P355" s="32"/>
    </row>
    <row r="356" spans="1:16" ht="16.5" customHeight="1">
      <c r="A356" s="51"/>
      <c r="B356" s="42"/>
      <c r="C356" s="42"/>
      <c r="D356" s="42"/>
      <c r="E356" s="42"/>
      <c r="F356" s="42"/>
      <c r="G356" s="42"/>
      <c r="H356" s="42"/>
      <c r="I356" s="42"/>
      <c r="J356" s="32"/>
      <c r="L356" s="73"/>
      <c r="M356" s="13"/>
      <c r="N356" s="31"/>
      <c r="P356" s="32"/>
    </row>
    <row r="357" spans="1:16" ht="16.5" customHeight="1">
      <c r="A357" s="51"/>
      <c r="B357" s="42"/>
      <c r="C357" s="42"/>
      <c r="D357" s="42"/>
      <c r="E357" s="42"/>
      <c r="F357" s="42"/>
      <c r="G357" s="42"/>
      <c r="H357" s="42"/>
      <c r="I357" s="42"/>
      <c r="J357" s="32"/>
      <c r="L357" s="73"/>
      <c r="M357" s="13"/>
      <c r="N357" s="31"/>
      <c r="P357" s="32"/>
    </row>
    <row r="358" spans="1:16" ht="16.5" customHeight="1">
      <c r="A358" s="51"/>
      <c r="B358" s="42"/>
      <c r="C358" s="42"/>
      <c r="D358" s="42"/>
      <c r="E358" s="42"/>
      <c r="F358" s="42"/>
      <c r="G358" s="42"/>
      <c r="H358" s="42"/>
      <c r="I358" s="42"/>
      <c r="J358" s="32"/>
      <c r="L358" s="73"/>
      <c r="M358" s="13"/>
      <c r="N358" s="31"/>
      <c r="P358" s="32"/>
    </row>
    <row r="359" spans="1:16" ht="16.5" customHeight="1">
      <c r="A359" s="51"/>
      <c r="B359" s="42"/>
      <c r="C359" s="42"/>
      <c r="D359" s="42"/>
      <c r="E359" s="42"/>
      <c r="F359" s="42"/>
      <c r="G359" s="42"/>
      <c r="H359" s="42"/>
      <c r="I359" s="42"/>
      <c r="J359" s="32"/>
      <c r="L359" s="73"/>
      <c r="M359" s="13"/>
      <c r="N359" s="31"/>
      <c r="P359" s="32"/>
    </row>
    <row r="360" spans="1:16" ht="16.5" customHeight="1">
      <c r="A360" s="51"/>
      <c r="B360" s="42"/>
      <c r="C360" s="42"/>
      <c r="D360" s="42"/>
      <c r="E360" s="42"/>
      <c r="F360" s="42"/>
      <c r="G360" s="42"/>
      <c r="H360" s="42"/>
      <c r="I360" s="42"/>
      <c r="J360" s="32"/>
      <c r="L360" s="73"/>
      <c r="M360" s="13"/>
      <c r="N360" s="31"/>
      <c r="P360" s="32"/>
    </row>
    <row r="361" spans="1:16" ht="16.5" customHeight="1">
      <c r="A361" s="51"/>
      <c r="B361" s="42"/>
      <c r="C361" s="42"/>
      <c r="D361" s="42"/>
      <c r="E361" s="42"/>
      <c r="F361" s="42"/>
      <c r="G361" s="42"/>
      <c r="H361" s="42"/>
      <c r="I361" s="42"/>
      <c r="J361" s="32"/>
      <c r="L361" s="73"/>
      <c r="M361" s="13"/>
      <c r="N361" s="31"/>
      <c r="P361" s="32"/>
    </row>
    <row r="362" spans="1:16" ht="16.5" customHeight="1">
      <c r="A362" s="51"/>
      <c r="B362" s="42"/>
      <c r="C362" s="42"/>
      <c r="D362" s="42"/>
      <c r="E362" s="42"/>
      <c r="F362" s="42"/>
      <c r="G362" s="42"/>
      <c r="H362" s="42"/>
      <c r="I362" s="42"/>
      <c r="J362" s="32"/>
      <c r="L362" s="73"/>
      <c r="M362" s="13"/>
      <c r="N362" s="31"/>
      <c r="P362" s="32"/>
    </row>
    <row r="363" spans="1:16" ht="16.5" customHeight="1">
      <c r="A363" s="51"/>
      <c r="B363" s="42"/>
      <c r="C363" s="42"/>
      <c r="D363" s="42"/>
      <c r="E363" s="42"/>
      <c r="F363" s="42"/>
      <c r="G363" s="42"/>
      <c r="H363" s="42"/>
      <c r="I363" s="42"/>
      <c r="J363" s="32"/>
      <c r="L363" s="73"/>
      <c r="M363" s="13"/>
      <c r="N363" s="31"/>
      <c r="P363" s="32"/>
    </row>
    <row r="364" spans="1:16" ht="16.5" customHeight="1">
      <c r="A364" s="51"/>
      <c r="B364" s="42"/>
      <c r="C364" s="42"/>
      <c r="D364" s="42"/>
      <c r="E364" s="42"/>
      <c r="F364" s="42"/>
      <c r="G364" s="42"/>
      <c r="H364" s="42"/>
      <c r="I364" s="42"/>
      <c r="J364" s="32"/>
      <c r="L364" s="73"/>
      <c r="M364" s="13"/>
      <c r="N364" s="31"/>
      <c r="P364" s="32"/>
    </row>
    <row r="365" spans="1:16" ht="16.5" customHeight="1">
      <c r="A365" s="51"/>
      <c r="B365" s="42"/>
      <c r="C365" s="42"/>
      <c r="D365" s="42"/>
      <c r="E365" s="42"/>
      <c r="F365" s="42"/>
      <c r="G365" s="42"/>
      <c r="H365" s="42"/>
      <c r="I365" s="42"/>
      <c r="J365" s="32"/>
      <c r="L365" s="73"/>
      <c r="M365" s="13"/>
      <c r="N365" s="31"/>
      <c r="P365" s="32"/>
    </row>
    <row r="366" spans="1:16" ht="16.5" customHeight="1">
      <c r="A366" s="51"/>
      <c r="B366" s="42"/>
      <c r="C366" s="42"/>
      <c r="D366" s="42"/>
      <c r="E366" s="42"/>
      <c r="F366" s="42"/>
      <c r="G366" s="42"/>
      <c r="H366" s="42"/>
      <c r="I366" s="42"/>
      <c r="J366" s="32"/>
      <c r="L366" s="73"/>
      <c r="M366" s="13"/>
      <c r="N366" s="31"/>
      <c r="P366" s="32"/>
    </row>
    <row r="367" spans="1:16" ht="16.5" customHeight="1">
      <c r="A367" s="61"/>
      <c r="B367" s="62"/>
      <c r="C367" s="62"/>
      <c r="D367" s="62"/>
      <c r="E367" s="62"/>
      <c r="F367" s="62"/>
      <c r="G367" s="62"/>
      <c r="H367" s="62"/>
      <c r="I367" s="62"/>
      <c r="J367" s="35"/>
      <c r="K367" s="78"/>
      <c r="L367" s="79"/>
      <c r="M367" s="14"/>
      <c r="N367" s="33"/>
      <c r="O367" s="34"/>
      <c r="P367" s="35"/>
    </row>
    <row r="368" spans="1:16" ht="16.5" customHeight="1">
      <c r="A368" s="63" t="s">
        <v>86</v>
      </c>
      <c r="B368" s="64"/>
      <c r="C368" s="64"/>
      <c r="D368" s="64"/>
      <c r="E368" s="64"/>
      <c r="F368" s="64"/>
      <c r="G368" s="64"/>
      <c r="H368" s="64"/>
      <c r="I368" s="64"/>
      <c r="J368" s="37"/>
      <c r="K368" s="80"/>
      <c r="L368" s="81"/>
      <c r="M368" s="15"/>
      <c r="N368" s="38"/>
      <c r="O368" s="36"/>
      <c r="P368" s="37"/>
    </row>
    <row r="369" spans="1:16" ht="16.5" customHeight="1">
      <c r="A369" s="51" t="s">
        <v>87</v>
      </c>
      <c r="B369" s="42"/>
      <c r="C369" s="42"/>
      <c r="D369" s="42"/>
      <c r="E369" s="42"/>
      <c r="F369" s="42"/>
      <c r="G369" s="42"/>
      <c r="H369" s="42"/>
      <c r="I369" s="42"/>
      <c r="J369" s="32"/>
      <c r="L369" s="73"/>
      <c r="M369" s="13" t="s">
        <v>28</v>
      </c>
      <c r="N369" s="31"/>
      <c r="P369" s="32"/>
    </row>
    <row r="370" spans="1:16" ht="16.5" customHeight="1">
      <c r="A370" s="51"/>
      <c r="B370" s="42" t="s">
        <v>306</v>
      </c>
      <c r="C370" s="42"/>
      <c r="D370" s="42"/>
      <c r="E370" s="42"/>
      <c r="F370" s="42"/>
      <c r="G370" s="42"/>
      <c r="H370" s="42"/>
      <c r="I370" s="42"/>
      <c r="J370" s="32"/>
      <c r="K370" s="90" t="s">
        <v>179</v>
      </c>
      <c r="L370" s="91" t="s">
        <v>179</v>
      </c>
      <c r="M370" s="13"/>
      <c r="N370" s="31"/>
      <c r="P370" s="32"/>
    </row>
    <row r="371" spans="1:16" ht="16.5" customHeight="1">
      <c r="A371" s="51"/>
      <c r="B371" s="42" t="s">
        <v>181</v>
      </c>
      <c r="C371" s="42"/>
      <c r="D371" s="42"/>
      <c r="E371" s="42"/>
      <c r="F371" s="42"/>
      <c r="G371" s="42"/>
      <c r="H371" s="42"/>
      <c r="I371" s="42"/>
      <c r="J371" s="32"/>
      <c r="K371" s="90" t="s">
        <v>179</v>
      </c>
      <c r="L371" s="91" t="s">
        <v>179</v>
      </c>
      <c r="M371" s="13"/>
      <c r="N371" s="31"/>
      <c r="P371" s="32"/>
    </row>
    <row r="372" spans="1:16" ht="16.5" customHeight="1">
      <c r="A372" s="51"/>
      <c r="B372" s="42" t="s">
        <v>182</v>
      </c>
      <c r="C372" s="42"/>
      <c r="D372" s="42"/>
      <c r="E372" s="42"/>
      <c r="F372" s="42"/>
      <c r="G372" s="42"/>
      <c r="H372" s="42"/>
      <c r="I372" s="42"/>
      <c r="J372" s="32"/>
      <c r="L372" s="73"/>
      <c r="M372" s="13"/>
      <c r="N372" s="31"/>
      <c r="P372" s="32"/>
    </row>
    <row r="373" spans="1:16" ht="16.5" customHeight="1">
      <c r="A373" s="51"/>
      <c r="B373" s="42"/>
      <c r="C373" s="42" t="s">
        <v>138</v>
      </c>
      <c r="D373" s="42"/>
      <c r="E373" s="42"/>
      <c r="F373" s="42"/>
      <c r="G373" s="42"/>
      <c r="H373" s="42"/>
      <c r="I373" s="42"/>
      <c r="J373" s="32"/>
      <c r="L373" s="73"/>
      <c r="M373" s="13"/>
      <c r="N373" s="31"/>
      <c r="P373" s="32"/>
    </row>
    <row r="374" spans="1:16" ht="16.5" customHeight="1">
      <c r="A374" s="51"/>
      <c r="B374" s="42"/>
      <c r="C374" s="350"/>
      <c r="D374" s="351"/>
      <c r="E374" s="351"/>
      <c r="F374" s="351"/>
      <c r="G374" s="351"/>
      <c r="H374" s="351"/>
      <c r="I374" s="352"/>
      <c r="J374" s="32"/>
      <c r="L374" s="73"/>
      <c r="M374" s="13"/>
      <c r="N374" s="31"/>
      <c r="P374" s="32"/>
    </row>
    <row r="375" spans="1:16" ht="16.5" customHeight="1">
      <c r="A375" s="51"/>
      <c r="B375" s="42"/>
      <c r="C375" s="353"/>
      <c r="D375" s="354"/>
      <c r="E375" s="354"/>
      <c r="F375" s="354"/>
      <c r="G375" s="354"/>
      <c r="H375" s="354"/>
      <c r="I375" s="355"/>
      <c r="J375" s="32"/>
      <c r="L375" s="73"/>
      <c r="M375" s="13"/>
      <c r="N375" s="31"/>
      <c r="P375" s="32"/>
    </row>
    <row r="376" spans="1:16" ht="16.5" customHeight="1">
      <c r="A376" s="51"/>
      <c r="B376" s="42"/>
      <c r="C376" s="353"/>
      <c r="D376" s="354"/>
      <c r="E376" s="354"/>
      <c r="F376" s="354"/>
      <c r="G376" s="354"/>
      <c r="H376" s="354"/>
      <c r="I376" s="355"/>
      <c r="J376" s="32"/>
      <c r="L376" s="73"/>
      <c r="M376" s="13"/>
      <c r="N376" s="31"/>
      <c r="P376" s="32"/>
    </row>
    <row r="377" spans="1:16" ht="16.5" customHeight="1">
      <c r="A377" s="51"/>
      <c r="B377" s="42"/>
      <c r="C377" s="353"/>
      <c r="D377" s="354"/>
      <c r="E377" s="354"/>
      <c r="F377" s="354"/>
      <c r="G377" s="354"/>
      <c r="H377" s="354"/>
      <c r="I377" s="355"/>
      <c r="J377" s="32"/>
      <c r="L377" s="73"/>
      <c r="M377" s="13"/>
      <c r="N377" s="31"/>
      <c r="P377" s="32"/>
    </row>
    <row r="378" spans="1:16" ht="16.5" customHeight="1">
      <c r="A378" s="51"/>
      <c r="B378" s="42"/>
      <c r="C378" s="356"/>
      <c r="D378" s="357"/>
      <c r="E378" s="357"/>
      <c r="F378" s="357"/>
      <c r="G378" s="357"/>
      <c r="H378" s="357"/>
      <c r="I378" s="358"/>
      <c r="J378" s="32"/>
      <c r="L378" s="73"/>
      <c r="M378" s="13"/>
      <c r="N378" s="31"/>
      <c r="P378" s="32"/>
    </row>
    <row r="379" spans="1:16" ht="16.5" customHeight="1">
      <c r="A379" s="51"/>
      <c r="B379" s="42"/>
      <c r="C379" s="42"/>
      <c r="D379" s="42"/>
      <c r="E379" s="42"/>
      <c r="F379" s="42"/>
      <c r="G379" s="42"/>
      <c r="H379" s="42"/>
      <c r="I379" s="42"/>
      <c r="J379" s="32"/>
      <c r="L379" s="73"/>
      <c r="M379" s="13"/>
      <c r="N379" s="31"/>
      <c r="P379" s="32"/>
    </row>
    <row r="380" spans="1:16" ht="16.5" customHeight="1">
      <c r="A380" s="51"/>
      <c r="B380" s="42"/>
      <c r="C380" s="42"/>
      <c r="D380" s="42"/>
      <c r="E380" s="42"/>
      <c r="F380" s="42"/>
      <c r="G380" s="42"/>
      <c r="H380" s="42"/>
      <c r="I380" s="42"/>
      <c r="J380" s="32"/>
      <c r="L380" s="73"/>
      <c r="M380" s="13"/>
      <c r="N380" s="31"/>
      <c r="P380" s="32"/>
    </row>
    <row r="381" spans="1:16" ht="16.5" customHeight="1">
      <c r="A381" s="51"/>
      <c r="B381" s="42"/>
      <c r="C381" s="42"/>
      <c r="D381" s="42"/>
      <c r="E381" s="42"/>
      <c r="F381" s="42"/>
      <c r="G381" s="42"/>
      <c r="H381" s="42"/>
      <c r="I381" s="42"/>
      <c r="J381" s="32"/>
      <c r="L381" s="73"/>
      <c r="M381" s="13"/>
      <c r="N381" s="31"/>
      <c r="P381" s="32"/>
    </row>
    <row r="382" spans="1:16" ht="16.5" customHeight="1">
      <c r="A382" s="51"/>
      <c r="B382" s="42"/>
      <c r="C382" s="42"/>
      <c r="D382" s="42"/>
      <c r="E382" s="42"/>
      <c r="F382" s="42"/>
      <c r="G382" s="42"/>
      <c r="H382" s="42"/>
      <c r="I382" s="42"/>
      <c r="J382" s="32"/>
      <c r="L382" s="73"/>
      <c r="M382" s="13"/>
      <c r="N382" s="31"/>
      <c r="P382" s="32"/>
    </row>
    <row r="383" spans="1:16" ht="16.5" customHeight="1">
      <c r="A383" s="51"/>
      <c r="B383" s="42"/>
      <c r="C383" s="42"/>
      <c r="D383" s="42"/>
      <c r="E383" s="42"/>
      <c r="F383" s="42"/>
      <c r="G383" s="42"/>
      <c r="H383" s="42"/>
      <c r="I383" s="42"/>
      <c r="J383" s="32"/>
      <c r="L383" s="73"/>
      <c r="M383" s="13"/>
      <c r="N383" s="31"/>
      <c r="P383" s="32"/>
    </row>
    <row r="384" spans="1:16" ht="16.5" customHeight="1">
      <c r="A384" s="51"/>
      <c r="B384" s="42"/>
      <c r="C384" s="42"/>
      <c r="D384" s="42"/>
      <c r="E384" s="42"/>
      <c r="F384" s="42"/>
      <c r="G384" s="42"/>
      <c r="H384" s="42"/>
      <c r="I384" s="42"/>
      <c r="J384" s="32"/>
      <c r="L384" s="73"/>
      <c r="M384" s="13"/>
      <c r="N384" s="31"/>
      <c r="P384" s="32"/>
    </row>
    <row r="385" spans="1:16" ht="16.5" customHeight="1">
      <c r="A385" s="51"/>
      <c r="B385" s="42"/>
      <c r="C385" s="42"/>
      <c r="D385" s="42"/>
      <c r="E385" s="42"/>
      <c r="F385" s="42"/>
      <c r="G385" s="42"/>
      <c r="H385" s="42"/>
      <c r="I385" s="42"/>
      <c r="J385" s="32"/>
      <c r="L385" s="73"/>
      <c r="M385" s="13"/>
      <c r="N385" s="31"/>
      <c r="P385" s="32"/>
    </row>
    <row r="386" spans="1:16" ht="16.5" customHeight="1">
      <c r="A386" s="51"/>
      <c r="B386" s="42"/>
      <c r="C386" s="42"/>
      <c r="D386" s="42"/>
      <c r="E386" s="42"/>
      <c r="F386" s="42"/>
      <c r="G386" s="42"/>
      <c r="H386" s="42"/>
      <c r="I386" s="42"/>
      <c r="J386" s="32"/>
      <c r="L386" s="73"/>
      <c r="M386" s="13"/>
      <c r="N386" s="31"/>
      <c r="P386" s="32"/>
    </row>
    <row r="387" spans="1:16" ht="16.5" customHeight="1">
      <c r="A387" s="51"/>
      <c r="B387" s="42"/>
      <c r="C387" s="42"/>
      <c r="D387" s="42"/>
      <c r="E387" s="42"/>
      <c r="F387" s="42"/>
      <c r="G387" s="42"/>
      <c r="H387" s="42"/>
      <c r="I387" s="42"/>
      <c r="J387" s="32"/>
      <c r="L387" s="73"/>
      <c r="M387" s="13"/>
      <c r="N387" s="31"/>
      <c r="P387" s="32"/>
    </row>
    <row r="388" spans="1:16" ht="16.5" customHeight="1">
      <c r="A388" s="51"/>
      <c r="B388" s="42"/>
      <c r="C388" s="42"/>
      <c r="D388" s="42"/>
      <c r="E388" s="42"/>
      <c r="F388" s="42"/>
      <c r="G388" s="42"/>
      <c r="H388" s="42"/>
      <c r="I388" s="42"/>
      <c r="J388" s="32"/>
      <c r="L388" s="73"/>
      <c r="M388" s="13"/>
      <c r="N388" s="31"/>
      <c r="P388" s="32"/>
    </row>
    <row r="389" spans="1:16" ht="16.5" customHeight="1">
      <c r="A389" s="51"/>
      <c r="B389" s="42"/>
      <c r="C389" s="42"/>
      <c r="D389" s="42"/>
      <c r="E389" s="42"/>
      <c r="F389" s="42"/>
      <c r="G389" s="42"/>
      <c r="H389" s="42"/>
      <c r="I389" s="42"/>
      <c r="J389" s="32"/>
      <c r="L389" s="73"/>
      <c r="M389" s="13"/>
      <c r="N389" s="31"/>
      <c r="P389" s="32"/>
    </row>
    <row r="390" spans="1:16" ht="16.5" customHeight="1">
      <c r="A390" s="51"/>
      <c r="B390" s="42"/>
      <c r="C390" s="42"/>
      <c r="D390" s="42"/>
      <c r="E390" s="42"/>
      <c r="F390" s="42"/>
      <c r="G390" s="42"/>
      <c r="H390" s="42"/>
      <c r="I390" s="42"/>
      <c r="J390" s="32"/>
      <c r="L390" s="73"/>
      <c r="M390" s="13"/>
      <c r="N390" s="31"/>
      <c r="P390" s="32"/>
    </row>
    <row r="391" spans="1:16" ht="16.5" customHeight="1">
      <c r="A391" s="51"/>
      <c r="B391" s="42"/>
      <c r="C391" s="42"/>
      <c r="D391" s="42"/>
      <c r="E391" s="42"/>
      <c r="F391" s="42"/>
      <c r="G391" s="42"/>
      <c r="H391" s="42"/>
      <c r="I391" s="42"/>
      <c r="J391" s="32"/>
      <c r="L391" s="73"/>
      <c r="M391" s="13"/>
      <c r="N391" s="31"/>
      <c r="P391" s="32"/>
    </row>
    <row r="392" spans="1:16" ht="16.5" customHeight="1">
      <c r="A392" s="51"/>
      <c r="B392" s="42"/>
      <c r="C392" s="42"/>
      <c r="D392" s="42"/>
      <c r="E392" s="42"/>
      <c r="F392" s="42"/>
      <c r="G392" s="42"/>
      <c r="H392" s="42"/>
      <c r="I392" s="42"/>
      <c r="J392" s="32"/>
      <c r="L392" s="73"/>
      <c r="M392" s="13"/>
      <c r="N392" s="31"/>
      <c r="P392" s="32"/>
    </row>
    <row r="393" spans="1:16" ht="16.5" customHeight="1">
      <c r="A393" s="51"/>
      <c r="B393" s="42"/>
      <c r="C393" s="42"/>
      <c r="D393" s="42"/>
      <c r="E393" s="42"/>
      <c r="F393" s="42"/>
      <c r="G393" s="42"/>
      <c r="H393" s="42"/>
      <c r="I393" s="42"/>
      <c r="J393" s="32"/>
      <c r="L393" s="73"/>
      <c r="M393" s="13"/>
      <c r="N393" s="31"/>
      <c r="P393" s="32"/>
    </row>
    <row r="394" spans="1:16" ht="16.5" customHeight="1">
      <c r="A394" s="51"/>
      <c r="B394" s="42"/>
      <c r="C394" s="42"/>
      <c r="D394" s="42"/>
      <c r="E394" s="42"/>
      <c r="F394" s="42"/>
      <c r="G394" s="42"/>
      <c r="H394" s="42"/>
      <c r="I394" s="42"/>
      <c r="J394" s="32"/>
      <c r="L394" s="73"/>
      <c r="M394" s="13"/>
      <c r="N394" s="31"/>
      <c r="P394" s="32"/>
    </row>
    <row r="395" spans="1:16" ht="16.5" customHeight="1">
      <c r="A395" s="51"/>
      <c r="B395" s="42"/>
      <c r="C395" s="42"/>
      <c r="D395" s="42"/>
      <c r="E395" s="42"/>
      <c r="F395" s="42"/>
      <c r="G395" s="42"/>
      <c r="H395" s="42"/>
      <c r="I395" s="42"/>
      <c r="J395" s="32"/>
      <c r="L395" s="73"/>
      <c r="M395" s="13"/>
      <c r="N395" s="31"/>
      <c r="P395" s="32"/>
    </row>
    <row r="396" spans="1:16" ht="16.5" customHeight="1">
      <c r="A396" s="51"/>
      <c r="B396" s="42"/>
      <c r="C396" s="42"/>
      <c r="D396" s="42"/>
      <c r="E396" s="42"/>
      <c r="F396" s="42"/>
      <c r="G396" s="42"/>
      <c r="H396" s="42"/>
      <c r="I396" s="42"/>
      <c r="J396" s="32"/>
      <c r="L396" s="73"/>
      <c r="M396" s="13"/>
      <c r="N396" s="31"/>
      <c r="P396" s="32"/>
    </row>
    <row r="397" spans="1:16" ht="16.5" customHeight="1">
      <c r="A397" s="51"/>
      <c r="B397" s="42"/>
      <c r="C397" s="42"/>
      <c r="D397" s="42"/>
      <c r="E397" s="42"/>
      <c r="F397" s="42"/>
      <c r="G397" s="42"/>
      <c r="H397" s="42"/>
      <c r="I397" s="42"/>
      <c r="J397" s="32"/>
      <c r="L397" s="73"/>
      <c r="M397" s="13"/>
      <c r="N397" s="31"/>
      <c r="P397" s="32"/>
    </row>
    <row r="398" spans="1:16" ht="16.5" customHeight="1">
      <c r="A398" s="51"/>
      <c r="B398" s="42"/>
      <c r="C398" s="42"/>
      <c r="D398" s="42"/>
      <c r="E398" s="42"/>
      <c r="F398" s="42"/>
      <c r="G398" s="42"/>
      <c r="H398" s="42"/>
      <c r="I398" s="42"/>
      <c r="J398" s="32"/>
      <c r="L398" s="73"/>
      <c r="M398" s="13"/>
      <c r="N398" s="31"/>
      <c r="P398" s="32"/>
    </row>
    <row r="399" spans="1:16" ht="16.5" customHeight="1">
      <c r="A399" s="51"/>
      <c r="B399" s="42"/>
      <c r="C399" s="42"/>
      <c r="D399" s="42"/>
      <c r="E399" s="42"/>
      <c r="F399" s="42"/>
      <c r="G399" s="42"/>
      <c r="H399" s="42"/>
      <c r="I399" s="42"/>
      <c r="J399" s="32"/>
      <c r="L399" s="73"/>
      <c r="M399" s="13"/>
      <c r="N399" s="31"/>
      <c r="P399" s="32"/>
    </row>
    <row r="400" spans="1:16" ht="16.5" customHeight="1">
      <c r="A400" s="51"/>
      <c r="B400" s="42"/>
      <c r="C400" s="42"/>
      <c r="D400" s="42"/>
      <c r="E400" s="42"/>
      <c r="F400" s="42"/>
      <c r="G400" s="42"/>
      <c r="H400" s="42"/>
      <c r="I400" s="42"/>
      <c r="J400" s="32"/>
      <c r="L400" s="73"/>
      <c r="M400" s="13"/>
      <c r="N400" s="31"/>
      <c r="P400" s="32"/>
    </row>
    <row r="401" spans="1:16" ht="16.5" customHeight="1">
      <c r="A401" s="51"/>
      <c r="B401" s="42"/>
      <c r="C401" s="42"/>
      <c r="D401" s="42"/>
      <c r="E401" s="42"/>
      <c r="F401" s="42"/>
      <c r="G401" s="42"/>
      <c r="H401" s="42"/>
      <c r="I401" s="42"/>
      <c r="J401" s="32"/>
      <c r="L401" s="73"/>
      <c r="M401" s="13"/>
      <c r="N401" s="31"/>
      <c r="P401" s="32"/>
    </row>
    <row r="402" spans="1:16" ht="16.5" customHeight="1">
      <c r="A402" s="51"/>
      <c r="B402" s="42"/>
      <c r="C402" s="42"/>
      <c r="D402" s="42"/>
      <c r="E402" s="42"/>
      <c r="F402" s="42"/>
      <c r="G402" s="42"/>
      <c r="H402" s="42"/>
      <c r="I402" s="42"/>
      <c r="J402" s="32"/>
      <c r="L402" s="73"/>
      <c r="M402" s="13"/>
      <c r="N402" s="31"/>
      <c r="P402" s="32"/>
    </row>
    <row r="403" spans="1:16" ht="16.5" customHeight="1">
      <c r="A403" s="51"/>
      <c r="B403" s="42"/>
      <c r="C403" s="42"/>
      <c r="D403" s="42"/>
      <c r="E403" s="42"/>
      <c r="F403" s="42"/>
      <c r="G403" s="42"/>
      <c r="H403" s="42"/>
      <c r="I403" s="42"/>
      <c r="J403" s="32"/>
      <c r="L403" s="73"/>
      <c r="M403" s="13"/>
      <c r="N403" s="31"/>
      <c r="P403" s="32"/>
    </row>
    <row r="404" spans="1:16" ht="16.5" customHeight="1">
      <c r="A404" s="51"/>
      <c r="B404" s="42"/>
      <c r="C404" s="42"/>
      <c r="D404" s="42"/>
      <c r="E404" s="42"/>
      <c r="F404" s="42"/>
      <c r="G404" s="42"/>
      <c r="H404" s="42"/>
      <c r="I404" s="42"/>
      <c r="J404" s="32"/>
      <c r="L404" s="73"/>
      <c r="M404" s="13"/>
      <c r="N404" s="31"/>
      <c r="P404" s="32"/>
    </row>
    <row r="405" spans="1:16" ht="16.5" customHeight="1">
      <c r="A405" s="51"/>
      <c r="B405" s="42"/>
      <c r="C405" s="42"/>
      <c r="D405" s="42"/>
      <c r="E405" s="42"/>
      <c r="F405" s="42"/>
      <c r="G405" s="42"/>
      <c r="H405" s="42"/>
      <c r="I405" s="42"/>
      <c r="J405" s="32"/>
      <c r="L405" s="73"/>
      <c r="M405" s="13"/>
      <c r="N405" s="31"/>
      <c r="P405" s="32"/>
    </row>
    <row r="406" spans="1:16" ht="16.5" customHeight="1">
      <c r="A406" s="51"/>
      <c r="B406" s="42"/>
      <c r="C406" s="42"/>
      <c r="D406" s="42"/>
      <c r="E406" s="42"/>
      <c r="F406" s="42"/>
      <c r="G406" s="42"/>
      <c r="H406" s="42"/>
      <c r="I406" s="42"/>
      <c r="J406" s="32"/>
      <c r="L406" s="73"/>
      <c r="M406" s="13"/>
      <c r="N406" s="31"/>
      <c r="P406" s="32"/>
    </row>
    <row r="407" spans="1:16" ht="16.5" customHeight="1">
      <c r="A407" s="51"/>
      <c r="B407" s="42"/>
      <c r="C407" s="42"/>
      <c r="D407" s="42"/>
      <c r="E407" s="42"/>
      <c r="F407" s="42"/>
      <c r="G407" s="42"/>
      <c r="H407" s="42"/>
      <c r="I407" s="42"/>
      <c r="J407" s="32"/>
      <c r="L407" s="73"/>
      <c r="M407" s="13"/>
      <c r="N407" s="31"/>
      <c r="P407" s="32"/>
    </row>
    <row r="408" spans="1:16" ht="16.5" customHeight="1">
      <c r="A408" s="51"/>
      <c r="B408" s="42"/>
      <c r="C408" s="42"/>
      <c r="D408" s="42"/>
      <c r="E408" s="42"/>
      <c r="F408" s="42"/>
      <c r="G408" s="42"/>
      <c r="H408" s="42"/>
      <c r="I408" s="42"/>
      <c r="J408" s="32"/>
      <c r="L408" s="73"/>
      <c r="M408" s="13"/>
      <c r="N408" s="31"/>
      <c r="P408" s="32"/>
    </row>
    <row r="409" spans="1:16" ht="16.5" customHeight="1">
      <c r="A409" s="51"/>
      <c r="B409" s="42"/>
      <c r="C409" s="42"/>
      <c r="D409" s="42"/>
      <c r="E409" s="42"/>
      <c r="F409" s="42"/>
      <c r="G409" s="42"/>
      <c r="H409" s="42"/>
      <c r="I409" s="42"/>
      <c r="J409" s="32"/>
      <c r="L409" s="73"/>
      <c r="M409" s="13"/>
      <c r="N409" s="31"/>
      <c r="P409" s="32"/>
    </row>
    <row r="410" spans="1:16" ht="16.5" customHeight="1">
      <c r="A410" s="51"/>
      <c r="B410" s="42"/>
      <c r="C410" s="42"/>
      <c r="D410" s="42"/>
      <c r="E410" s="42"/>
      <c r="F410" s="42"/>
      <c r="G410" s="42"/>
      <c r="H410" s="42"/>
      <c r="I410" s="42"/>
      <c r="J410" s="32"/>
      <c r="L410" s="73"/>
      <c r="M410" s="13"/>
      <c r="N410" s="31"/>
      <c r="P410" s="32"/>
    </row>
    <row r="411" spans="1:16" ht="16.5" customHeight="1">
      <c r="A411" s="51"/>
      <c r="B411" s="42"/>
      <c r="C411" s="42"/>
      <c r="D411" s="42"/>
      <c r="E411" s="42"/>
      <c r="F411" s="42"/>
      <c r="G411" s="42"/>
      <c r="H411" s="42"/>
      <c r="I411" s="42"/>
      <c r="J411" s="32"/>
      <c r="L411" s="73"/>
      <c r="M411" s="13"/>
      <c r="N411" s="31"/>
      <c r="P411" s="32"/>
    </row>
    <row r="412" spans="1:16" ht="16.5" customHeight="1">
      <c r="A412" s="51"/>
      <c r="B412" s="42"/>
      <c r="C412" s="42"/>
      <c r="D412" s="42"/>
      <c r="E412" s="42"/>
      <c r="F412" s="42"/>
      <c r="G412" s="42"/>
      <c r="H412" s="42"/>
      <c r="I412" s="42"/>
      <c r="J412" s="32"/>
      <c r="L412" s="73"/>
      <c r="M412" s="13"/>
      <c r="N412" s="31"/>
      <c r="P412" s="32"/>
    </row>
    <row r="413" spans="1:16" ht="16.5" customHeight="1">
      <c r="A413" s="51"/>
      <c r="B413" s="42"/>
      <c r="C413" s="42"/>
      <c r="D413" s="42"/>
      <c r="E413" s="42"/>
      <c r="F413" s="42"/>
      <c r="G413" s="42"/>
      <c r="H413" s="42"/>
      <c r="I413" s="42"/>
      <c r="J413" s="32"/>
      <c r="L413" s="73"/>
      <c r="M413" s="13"/>
      <c r="N413" s="31"/>
      <c r="P413" s="32"/>
    </row>
    <row r="414" spans="1:16" ht="16.5" customHeight="1">
      <c r="A414" s="61"/>
      <c r="B414" s="62"/>
      <c r="C414" s="62"/>
      <c r="D414" s="62"/>
      <c r="E414" s="62"/>
      <c r="F414" s="62"/>
      <c r="G414" s="62"/>
      <c r="H414" s="62"/>
      <c r="I414" s="62"/>
      <c r="J414" s="35"/>
      <c r="K414" s="78"/>
      <c r="L414" s="79"/>
      <c r="M414" s="14"/>
      <c r="N414" s="33"/>
      <c r="O414" s="34"/>
      <c r="P414" s="35"/>
    </row>
    <row r="415" spans="1:16" ht="16.5" customHeight="1">
      <c r="A415" s="63" t="s">
        <v>88</v>
      </c>
      <c r="B415" s="64"/>
      <c r="C415" s="64"/>
      <c r="D415" s="64"/>
      <c r="E415" s="64"/>
      <c r="F415" s="64"/>
      <c r="G415" s="64"/>
      <c r="H415" s="64"/>
      <c r="I415" s="64"/>
      <c r="J415" s="37"/>
      <c r="K415" s="80"/>
      <c r="L415" s="81"/>
      <c r="M415" s="15"/>
      <c r="N415" s="38"/>
      <c r="O415" s="36"/>
      <c r="P415" s="37"/>
    </row>
    <row r="416" spans="1:16" ht="16.5" customHeight="1">
      <c r="A416" s="51" t="s">
        <v>89</v>
      </c>
      <c r="B416" s="42"/>
      <c r="C416" s="42"/>
      <c r="D416" s="42"/>
      <c r="E416" s="42"/>
      <c r="F416" s="42"/>
      <c r="G416" s="42"/>
      <c r="H416" s="42"/>
      <c r="I416" s="42"/>
      <c r="J416" s="32"/>
      <c r="L416" s="73"/>
      <c r="M416" s="13" t="s">
        <v>29</v>
      </c>
      <c r="N416" s="31"/>
      <c r="P416" s="32"/>
    </row>
    <row r="417" spans="1:16" ht="16.5" customHeight="1">
      <c r="A417" s="51"/>
      <c r="B417" s="42" t="s">
        <v>139</v>
      </c>
      <c r="C417" s="42"/>
      <c r="D417" s="42"/>
      <c r="E417" s="42"/>
      <c r="F417" s="42"/>
      <c r="G417" s="42"/>
      <c r="H417" s="42"/>
      <c r="I417" s="42"/>
      <c r="J417" s="32"/>
      <c r="L417" s="73"/>
      <c r="M417" s="13"/>
      <c r="N417" s="31"/>
      <c r="P417" s="32"/>
    </row>
    <row r="418" spans="1:16" ht="16.5" customHeight="1">
      <c r="A418" s="51"/>
      <c r="B418" s="42"/>
      <c r="C418" s="42" t="s">
        <v>4</v>
      </c>
      <c r="D418" s="42"/>
      <c r="E418" s="42"/>
      <c r="F418" s="42"/>
      <c r="G418" s="42"/>
      <c r="H418" s="42"/>
      <c r="I418" s="42"/>
      <c r="J418" s="32"/>
      <c r="K418" s="90" t="s">
        <v>179</v>
      </c>
      <c r="L418" s="91" t="s">
        <v>179</v>
      </c>
      <c r="M418" s="13"/>
      <c r="N418" s="31"/>
      <c r="P418" s="32"/>
    </row>
    <row r="419" spans="1:16" ht="16.5" customHeight="1">
      <c r="A419" s="51"/>
      <c r="B419" s="42"/>
      <c r="C419" s="42" t="s">
        <v>5</v>
      </c>
      <c r="D419" s="42"/>
      <c r="E419" s="42"/>
      <c r="F419" s="42"/>
      <c r="G419" s="42"/>
      <c r="H419" s="42"/>
      <c r="I419" s="42"/>
      <c r="J419" s="32"/>
      <c r="K419" s="90" t="s">
        <v>179</v>
      </c>
      <c r="L419" s="91" t="s">
        <v>179</v>
      </c>
      <c r="M419" s="13"/>
      <c r="N419" s="31"/>
      <c r="P419" s="32"/>
    </row>
    <row r="420" spans="1:16" ht="16.5" customHeight="1">
      <c r="A420" s="51"/>
      <c r="B420" s="42"/>
      <c r="C420" s="42" t="s">
        <v>6</v>
      </c>
      <c r="D420" s="42"/>
      <c r="E420" s="42"/>
      <c r="F420" s="42"/>
      <c r="G420" s="42"/>
      <c r="H420" s="42"/>
      <c r="I420" s="42"/>
      <c r="J420" s="32"/>
      <c r="K420" s="90" t="s">
        <v>179</v>
      </c>
      <c r="L420" s="91" t="s">
        <v>179</v>
      </c>
      <c r="M420" s="13"/>
      <c r="N420" s="31"/>
      <c r="P420" s="32"/>
    </row>
    <row r="421" spans="1:16" ht="16.5" customHeight="1">
      <c r="A421" s="51"/>
      <c r="B421" s="42"/>
      <c r="C421" s="42" t="s">
        <v>422</v>
      </c>
      <c r="D421" s="42"/>
      <c r="E421" s="42"/>
      <c r="F421" s="42"/>
      <c r="G421" s="42"/>
      <c r="H421" s="42"/>
      <c r="I421" s="42"/>
      <c r="J421" s="32"/>
      <c r="K421" s="90" t="s">
        <v>179</v>
      </c>
      <c r="L421" s="91" t="s">
        <v>179</v>
      </c>
      <c r="M421" s="13"/>
      <c r="N421" s="31"/>
      <c r="P421" s="32"/>
    </row>
    <row r="422" spans="1:16" ht="16.5" customHeight="1">
      <c r="A422" s="51"/>
      <c r="B422" s="42"/>
      <c r="C422" s="42" t="s">
        <v>7</v>
      </c>
      <c r="D422" s="42"/>
      <c r="E422" s="42"/>
      <c r="F422" s="42"/>
      <c r="G422" s="42"/>
      <c r="H422" s="42"/>
      <c r="I422" s="42"/>
      <c r="J422" s="32"/>
      <c r="K422" s="90" t="s">
        <v>179</v>
      </c>
      <c r="L422" s="91" t="s">
        <v>179</v>
      </c>
      <c r="M422" s="13"/>
      <c r="N422" s="31"/>
      <c r="P422" s="32"/>
    </row>
    <row r="423" spans="1:16" ht="16.5" customHeight="1">
      <c r="A423" s="51"/>
      <c r="B423" s="42"/>
      <c r="C423" s="42" t="s">
        <v>3</v>
      </c>
      <c r="D423" s="42"/>
      <c r="E423" s="42"/>
      <c r="F423" s="42"/>
      <c r="G423" s="42"/>
      <c r="H423" s="42"/>
      <c r="I423" s="42"/>
      <c r="J423" s="32"/>
      <c r="K423" s="90" t="s">
        <v>179</v>
      </c>
      <c r="L423" s="91" t="s">
        <v>179</v>
      </c>
      <c r="M423" s="13"/>
      <c r="N423" s="31"/>
      <c r="P423" s="32"/>
    </row>
    <row r="424" spans="1:16" ht="16.5" customHeight="1">
      <c r="A424" s="51"/>
      <c r="B424" s="42"/>
      <c r="C424" s="42" t="s">
        <v>183</v>
      </c>
      <c r="D424" s="42"/>
      <c r="E424" s="42"/>
      <c r="F424" s="42"/>
      <c r="G424" s="42"/>
      <c r="H424" s="42"/>
      <c r="I424" s="42"/>
      <c r="J424" s="32"/>
      <c r="K424" s="90" t="s">
        <v>179</v>
      </c>
      <c r="L424" s="91" t="s">
        <v>179</v>
      </c>
      <c r="M424" s="13"/>
      <c r="N424" s="31"/>
      <c r="P424" s="32"/>
    </row>
    <row r="425" spans="1:16" ht="16.5" customHeight="1">
      <c r="A425" s="51"/>
      <c r="B425" s="42"/>
      <c r="C425" s="42" t="s">
        <v>8</v>
      </c>
      <c r="D425" s="42"/>
      <c r="E425" s="42"/>
      <c r="F425" s="42"/>
      <c r="G425" s="42"/>
      <c r="H425" s="42"/>
      <c r="I425" s="42"/>
      <c r="J425" s="32"/>
      <c r="K425" s="90" t="s">
        <v>179</v>
      </c>
      <c r="L425" s="91" t="s">
        <v>179</v>
      </c>
      <c r="M425" s="13"/>
      <c r="N425" s="31"/>
      <c r="P425" s="32"/>
    </row>
    <row r="426" spans="1:16" ht="16.5" customHeight="1">
      <c r="A426" s="51"/>
      <c r="B426" s="42"/>
      <c r="C426" s="42"/>
      <c r="D426" s="42"/>
      <c r="E426" s="42"/>
      <c r="F426" s="42"/>
      <c r="G426" s="42"/>
      <c r="H426" s="42"/>
      <c r="I426" s="42"/>
      <c r="J426" s="32"/>
      <c r="L426" s="73"/>
      <c r="M426" s="13"/>
      <c r="N426" s="31"/>
      <c r="P426" s="32"/>
    </row>
    <row r="427" spans="1:16" ht="16.5" customHeight="1">
      <c r="A427" s="51"/>
      <c r="B427" s="42"/>
      <c r="C427" s="42"/>
      <c r="D427" s="42"/>
      <c r="E427" s="42"/>
      <c r="F427" s="42"/>
      <c r="G427" s="42"/>
      <c r="H427" s="42"/>
      <c r="I427" s="42"/>
      <c r="J427" s="32"/>
      <c r="L427" s="73"/>
      <c r="M427" s="13"/>
      <c r="N427" s="31"/>
      <c r="P427" s="32"/>
    </row>
    <row r="428" spans="1:16" ht="16.5" customHeight="1">
      <c r="A428" s="51"/>
      <c r="B428" s="42"/>
      <c r="C428" s="42"/>
      <c r="D428" s="42"/>
      <c r="E428" s="42"/>
      <c r="F428" s="42"/>
      <c r="G428" s="42"/>
      <c r="H428" s="42"/>
      <c r="I428" s="42"/>
      <c r="J428" s="32"/>
      <c r="L428" s="73"/>
      <c r="M428" s="13"/>
      <c r="N428" s="31"/>
      <c r="P428" s="32"/>
    </row>
    <row r="429" spans="1:16" ht="16.5" customHeight="1">
      <c r="A429" s="51"/>
      <c r="B429" s="42"/>
      <c r="C429" s="42"/>
      <c r="D429" s="42"/>
      <c r="E429" s="42"/>
      <c r="F429" s="42"/>
      <c r="G429" s="42"/>
      <c r="H429" s="42"/>
      <c r="I429" s="42"/>
      <c r="J429" s="32"/>
      <c r="L429" s="73"/>
      <c r="M429" s="13"/>
      <c r="N429" s="31"/>
      <c r="P429" s="32"/>
    </row>
    <row r="430" spans="1:16" ht="16.5" customHeight="1">
      <c r="A430" s="51"/>
      <c r="B430" s="42"/>
      <c r="C430" s="42"/>
      <c r="D430" s="42"/>
      <c r="E430" s="42"/>
      <c r="F430" s="42"/>
      <c r="G430" s="42"/>
      <c r="H430" s="42"/>
      <c r="I430" s="42"/>
      <c r="J430" s="32"/>
      <c r="L430" s="73"/>
      <c r="M430" s="13"/>
      <c r="N430" s="31"/>
      <c r="P430" s="32"/>
    </row>
    <row r="431" spans="1:16" ht="16.5" customHeight="1">
      <c r="A431" s="51"/>
      <c r="B431" s="42"/>
      <c r="C431" s="42"/>
      <c r="D431" s="42"/>
      <c r="E431" s="42"/>
      <c r="F431" s="42"/>
      <c r="G431" s="42"/>
      <c r="H431" s="42"/>
      <c r="I431" s="42"/>
      <c r="J431" s="32"/>
      <c r="L431" s="73"/>
      <c r="M431" s="13"/>
      <c r="N431" s="31"/>
      <c r="P431" s="32"/>
    </row>
    <row r="432" spans="1:16" ht="16.5" customHeight="1">
      <c r="A432" s="61"/>
      <c r="B432" s="62"/>
      <c r="C432" s="62"/>
      <c r="D432" s="62"/>
      <c r="E432" s="62"/>
      <c r="F432" s="62"/>
      <c r="G432" s="62"/>
      <c r="H432" s="62"/>
      <c r="I432" s="62"/>
      <c r="J432" s="35"/>
      <c r="K432" s="78"/>
      <c r="L432" s="79"/>
      <c r="M432" s="14"/>
      <c r="N432" s="33"/>
      <c r="O432" s="34"/>
      <c r="P432" s="35"/>
    </row>
    <row r="433" spans="1:16" ht="16.5" customHeight="1">
      <c r="A433" s="51" t="s">
        <v>90</v>
      </c>
      <c r="B433" s="42"/>
      <c r="C433" s="42"/>
      <c r="D433" s="42"/>
      <c r="E433" s="42"/>
      <c r="F433" s="42"/>
      <c r="G433" s="42"/>
      <c r="H433" s="42"/>
      <c r="I433" s="42"/>
      <c r="J433" s="32"/>
      <c r="L433" s="73"/>
      <c r="M433" s="13" t="s">
        <v>262</v>
      </c>
      <c r="N433" s="31"/>
      <c r="P433" s="32"/>
    </row>
    <row r="434" spans="1:16" ht="16.5" customHeight="1">
      <c r="A434" s="51"/>
      <c r="B434" s="42" t="s">
        <v>296</v>
      </c>
      <c r="C434" s="42"/>
      <c r="D434" s="42"/>
      <c r="E434" s="42"/>
      <c r="F434" s="42"/>
      <c r="G434" s="42"/>
      <c r="H434" s="42"/>
      <c r="I434" s="42"/>
      <c r="J434" s="32"/>
      <c r="K434" s="90" t="s">
        <v>179</v>
      </c>
      <c r="L434" s="91" t="s">
        <v>179</v>
      </c>
      <c r="M434" s="13" t="s">
        <v>29</v>
      </c>
      <c r="N434" s="31"/>
      <c r="P434" s="32"/>
    </row>
    <row r="435" spans="1:16" ht="16.5" customHeight="1">
      <c r="A435" s="51"/>
      <c r="B435" s="42" t="s">
        <v>295</v>
      </c>
      <c r="C435" s="42"/>
      <c r="D435" s="42"/>
      <c r="E435" s="42"/>
      <c r="F435" s="42"/>
      <c r="G435" s="42"/>
      <c r="H435" s="42"/>
      <c r="I435" s="42"/>
      <c r="J435" s="32"/>
      <c r="L435" s="73"/>
      <c r="M435" s="13" t="s">
        <v>30</v>
      </c>
      <c r="N435" s="31"/>
      <c r="P435" s="32"/>
    </row>
    <row r="436" spans="1:16" ht="16.5" customHeight="1">
      <c r="A436" s="51"/>
      <c r="B436" s="42" t="s">
        <v>489</v>
      </c>
      <c r="C436" s="42"/>
      <c r="D436" s="42"/>
      <c r="E436" s="42"/>
      <c r="F436" s="42"/>
      <c r="G436" s="42"/>
      <c r="H436" s="42"/>
      <c r="I436" s="42"/>
      <c r="J436" s="32"/>
      <c r="K436" s="90" t="s">
        <v>179</v>
      </c>
      <c r="L436" s="91" t="s">
        <v>179</v>
      </c>
      <c r="M436" s="13" t="s">
        <v>31</v>
      </c>
      <c r="N436" s="31"/>
      <c r="P436" s="32"/>
    </row>
    <row r="437" spans="1:16" ht="16.5" customHeight="1">
      <c r="A437" s="51"/>
      <c r="B437" s="42" t="s">
        <v>140</v>
      </c>
      <c r="C437" s="42"/>
      <c r="D437" s="42"/>
      <c r="E437" s="42"/>
      <c r="F437" s="42"/>
      <c r="G437" s="42"/>
      <c r="H437" s="42"/>
      <c r="I437" s="42"/>
      <c r="J437" s="32"/>
      <c r="K437" s="90" t="s">
        <v>179</v>
      </c>
      <c r="L437" s="91" t="s">
        <v>179</v>
      </c>
      <c r="M437" s="13" t="s">
        <v>32</v>
      </c>
      <c r="N437" s="31"/>
      <c r="P437" s="32"/>
    </row>
    <row r="438" spans="1:16" ht="16.5" customHeight="1">
      <c r="A438" s="51"/>
      <c r="B438" s="42" t="s">
        <v>307</v>
      </c>
      <c r="C438" s="42"/>
      <c r="D438" s="42"/>
      <c r="E438" s="42"/>
      <c r="F438" s="42"/>
      <c r="G438" s="42"/>
      <c r="H438" s="42"/>
      <c r="I438" s="42"/>
      <c r="J438" s="32"/>
      <c r="K438" s="90" t="s">
        <v>179</v>
      </c>
      <c r="L438" s="91" t="s">
        <v>179</v>
      </c>
      <c r="M438" s="13" t="s">
        <v>33</v>
      </c>
      <c r="N438" s="31"/>
      <c r="P438" s="32"/>
    </row>
    <row r="439" spans="1:16" ht="16.5" customHeight="1">
      <c r="A439" s="51"/>
      <c r="B439" s="42"/>
      <c r="C439" s="42"/>
      <c r="D439" s="42"/>
      <c r="E439" s="42"/>
      <c r="F439" s="42"/>
      <c r="G439" s="42"/>
      <c r="H439" s="42"/>
      <c r="I439" s="42"/>
      <c r="J439" s="32"/>
      <c r="L439" s="73"/>
      <c r="M439" s="13" t="s">
        <v>315</v>
      </c>
      <c r="N439" s="31"/>
      <c r="P439" s="32"/>
    </row>
    <row r="440" spans="1:16" ht="16.5" customHeight="1">
      <c r="A440" s="51"/>
      <c r="B440" s="42"/>
      <c r="C440" s="42"/>
      <c r="D440" s="42"/>
      <c r="E440" s="42"/>
      <c r="F440" s="42"/>
      <c r="G440" s="42"/>
      <c r="H440" s="42"/>
      <c r="I440" s="42"/>
      <c r="J440" s="32"/>
      <c r="L440" s="73"/>
      <c r="M440" s="13"/>
      <c r="N440" s="31"/>
      <c r="P440" s="32"/>
    </row>
    <row r="441" spans="1:16" ht="16.5" customHeight="1">
      <c r="A441" s="51"/>
      <c r="B441" s="42"/>
      <c r="C441" s="42"/>
      <c r="D441" s="42"/>
      <c r="E441" s="42"/>
      <c r="F441" s="42"/>
      <c r="G441" s="42"/>
      <c r="H441" s="42"/>
      <c r="I441" s="42"/>
      <c r="J441" s="32"/>
      <c r="L441" s="73"/>
      <c r="M441" s="13"/>
      <c r="N441" s="31"/>
      <c r="P441" s="32"/>
    </row>
    <row r="442" spans="1:16" ht="16.5" customHeight="1">
      <c r="A442" s="51"/>
      <c r="B442" s="42"/>
      <c r="C442" s="42"/>
      <c r="D442" s="42"/>
      <c r="E442" s="42"/>
      <c r="F442" s="42"/>
      <c r="G442" s="42"/>
      <c r="H442" s="42"/>
      <c r="I442" s="42"/>
      <c r="J442" s="32"/>
      <c r="L442" s="73"/>
      <c r="M442" s="13"/>
      <c r="N442" s="31"/>
      <c r="P442" s="32"/>
    </row>
    <row r="443" spans="1:16" ht="16.5" customHeight="1">
      <c r="A443" s="51"/>
      <c r="B443" s="42"/>
      <c r="C443" s="42"/>
      <c r="D443" s="42"/>
      <c r="E443" s="42"/>
      <c r="F443" s="42"/>
      <c r="G443" s="42"/>
      <c r="H443" s="42"/>
      <c r="I443" s="42"/>
      <c r="J443" s="32"/>
      <c r="L443" s="73"/>
      <c r="M443" s="13"/>
      <c r="N443" s="31"/>
      <c r="P443" s="32"/>
    </row>
    <row r="444" spans="1:16" ht="16.5" customHeight="1">
      <c r="A444" s="51"/>
      <c r="B444" s="42"/>
      <c r="C444" s="42"/>
      <c r="D444" s="42"/>
      <c r="E444" s="42"/>
      <c r="F444" s="42"/>
      <c r="G444" s="42"/>
      <c r="H444" s="42"/>
      <c r="I444" s="42"/>
      <c r="J444" s="32"/>
      <c r="L444" s="73"/>
      <c r="M444" s="13"/>
      <c r="N444" s="31"/>
      <c r="P444" s="32"/>
    </row>
    <row r="445" spans="1:16" ht="16.5" customHeight="1">
      <c r="A445" s="51"/>
      <c r="B445" s="42"/>
      <c r="C445" s="42"/>
      <c r="D445" s="42"/>
      <c r="E445" s="42"/>
      <c r="F445" s="42"/>
      <c r="G445" s="42"/>
      <c r="H445" s="42"/>
      <c r="I445" s="42"/>
      <c r="J445" s="32"/>
      <c r="L445" s="73"/>
      <c r="M445" s="13"/>
      <c r="N445" s="31"/>
      <c r="P445" s="32"/>
    </row>
    <row r="446" spans="1:16" ht="16.5" customHeight="1">
      <c r="A446" s="51"/>
      <c r="B446" s="42"/>
      <c r="C446" s="42"/>
      <c r="D446" s="42"/>
      <c r="E446" s="42"/>
      <c r="F446" s="42"/>
      <c r="G446" s="42"/>
      <c r="H446" s="42"/>
      <c r="I446" s="42"/>
      <c r="J446" s="32"/>
      <c r="L446" s="73"/>
      <c r="M446" s="13"/>
      <c r="N446" s="31"/>
      <c r="P446" s="32"/>
    </row>
    <row r="447" spans="1:16" ht="16.5" customHeight="1">
      <c r="A447" s="51"/>
      <c r="B447" s="42"/>
      <c r="C447" s="42"/>
      <c r="D447" s="42"/>
      <c r="E447" s="42"/>
      <c r="F447" s="42"/>
      <c r="G447" s="42"/>
      <c r="H447" s="42"/>
      <c r="I447" s="42"/>
      <c r="J447" s="32"/>
      <c r="L447" s="73"/>
      <c r="M447" s="13"/>
      <c r="N447" s="31"/>
      <c r="P447" s="32"/>
    </row>
    <row r="448" spans="1:16" ht="16.5" customHeight="1">
      <c r="A448" s="51"/>
      <c r="B448" s="42"/>
      <c r="C448" s="42"/>
      <c r="D448" s="42"/>
      <c r="E448" s="42"/>
      <c r="F448" s="42"/>
      <c r="G448" s="42"/>
      <c r="H448" s="42"/>
      <c r="I448" s="42"/>
      <c r="J448" s="32"/>
      <c r="L448" s="73"/>
      <c r="M448" s="13"/>
      <c r="N448" s="31"/>
      <c r="P448" s="32"/>
    </row>
    <row r="449" spans="1:16" ht="16.5" customHeight="1">
      <c r="A449" s="51"/>
      <c r="B449" s="42"/>
      <c r="C449" s="42"/>
      <c r="D449" s="42"/>
      <c r="E449" s="42"/>
      <c r="F449" s="42"/>
      <c r="G449" s="42"/>
      <c r="H449" s="42"/>
      <c r="I449" s="42"/>
      <c r="J449" s="32"/>
      <c r="L449" s="73"/>
      <c r="M449" s="13"/>
      <c r="N449" s="31"/>
      <c r="P449" s="32"/>
    </row>
    <row r="450" spans="1:16" ht="16.5" customHeight="1">
      <c r="A450" s="51"/>
      <c r="B450" s="42"/>
      <c r="C450" s="42"/>
      <c r="D450" s="42"/>
      <c r="E450" s="42"/>
      <c r="F450" s="42"/>
      <c r="G450" s="42"/>
      <c r="H450" s="42"/>
      <c r="I450" s="42"/>
      <c r="J450" s="32"/>
      <c r="L450" s="73"/>
      <c r="M450" s="13"/>
      <c r="N450" s="31"/>
      <c r="P450" s="32"/>
    </row>
    <row r="451" spans="1:16" ht="16.5" customHeight="1">
      <c r="A451" s="51"/>
      <c r="B451" s="42"/>
      <c r="C451" s="42"/>
      <c r="D451" s="42"/>
      <c r="E451" s="42"/>
      <c r="F451" s="42"/>
      <c r="G451" s="42"/>
      <c r="H451" s="42"/>
      <c r="I451" s="42"/>
      <c r="J451" s="32"/>
      <c r="L451" s="73"/>
      <c r="M451" s="13"/>
      <c r="N451" s="31"/>
      <c r="P451" s="32"/>
    </row>
    <row r="452" spans="1:16" ht="16.5" customHeight="1">
      <c r="A452" s="51"/>
      <c r="B452" s="42"/>
      <c r="C452" s="42"/>
      <c r="D452" s="42"/>
      <c r="E452" s="42"/>
      <c r="F452" s="42"/>
      <c r="G452" s="42"/>
      <c r="H452" s="42"/>
      <c r="I452" s="42"/>
      <c r="J452" s="32"/>
      <c r="L452" s="73"/>
      <c r="M452" s="13"/>
      <c r="N452" s="31"/>
      <c r="P452" s="32"/>
    </row>
    <row r="453" spans="1:16" ht="16.5" customHeight="1">
      <c r="A453" s="51"/>
      <c r="B453" s="42"/>
      <c r="C453" s="42"/>
      <c r="D453" s="42"/>
      <c r="E453" s="42"/>
      <c r="F453" s="42"/>
      <c r="G453" s="42"/>
      <c r="H453" s="42"/>
      <c r="I453" s="42"/>
      <c r="J453" s="32"/>
      <c r="L453" s="73"/>
      <c r="M453" s="13"/>
      <c r="N453" s="31"/>
      <c r="P453" s="32"/>
    </row>
    <row r="454" spans="1:16" ht="16.5" customHeight="1">
      <c r="A454" s="51"/>
      <c r="B454" s="42"/>
      <c r="C454" s="42"/>
      <c r="D454" s="42"/>
      <c r="E454" s="42"/>
      <c r="F454" s="42"/>
      <c r="G454" s="42"/>
      <c r="H454" s="42"/>
      <c r="I454" s="42"/>
      <c r="J454" s="32"/>
      <c r="L454" s="73"/>
      <c r="M454" s="13"/>
      <c r="N454" s="31"/>
      <c r="P454" s="32"/>
    </row>
    <row r="455" spans="1:16" ht="16.5" customHeight="1">
      <c r="A455" s="51"/>
      <c r="B455" s="42"/>
      <c r="C455" s="42"/>
      <c r="D455" s="42"/>
      <c r="E455" s="42"/>
      <c r="F455" s="42"/>
      <c r="G455" s="42"/>
      <c r="H455" s="42"/>
      <c r="I455" s="42"/>
      <c r="J455" s="32"/>
      <c r="L455" s="73"/>
      <c r="M455" s="13"/>
      <c r="N455" s="31"/>
      <c r="P455" s="32"/>
    </row>
    <row r="456" spans="1:16" ht="16.5" customHeight="1">
      <c r="A456" s="51"/>
      <c r="B456" s="42"/>
      <c r="C456" s="42"/>
      <c r="D456" s="42"/>
      <c r="E456" s="42"/>
      <c r="F456" s="42"/>
      <c r="G456" s="42"/>
      <c r="H456" s="42"/>
      <c r="I456" s="42"/>
      <c r="J456" s="32"/>
      <c r="L456" s="73"/>
      <c r="M456" s="13"/>
      <c r="N456" s="31"/>
      <c r="P456" s="32"/>
    </row>
    <row r="457" spans="1:16" ht="16.5" customHeight="1">
      <c r="A457" s="51"/>
      <c r="B457" s="42"/>
      <c r="C457" s="42"/>
      <c r="D457" s="42"/>
      <c r="E457" s="42"/>
      <c r="F457" s="42"/>
      <c r="G457" s="42"/>
      <c r="H457" s="42"/>
      <c r="I457" s="42"/>
      <c r="J457" s="32"/>
      <c r="L457" s="73"/>
      <c r="M457" s="13"/>
      <c r="N457" s="31"/>
      <c r="P457" s="32"/>
    </row>
    <row r="458" spans="1:16" ht="16.5" customHeight="1">
      <c r="A458" s="51"/>
      <c r="B458" s="42"/>
      <c r="C458" s="42"/>
      <c r="D458" s="42"/>
      <c r="E458" s="42"/>
      <c r="F458" s="42"/>
      <c r="G458" s="42"/>
      <c r="H458" s="42"/>
      <c r="I458" s="42"/>
      <c r="J458" s="32"/>
      <c r="L458" s="73"/>
      <c r="M458" s="13"/>
      <c r="N458" s="31"/>
      <c r="P458" s="32"/>
    </row>
    <row r="459" spans="1:16" ht="16.5" customHeight="1">
      <c r="A459" s="51"/>
      <c r="B459" s="42"/>
      <c r="C459" s="42"/>
      <c r="D459" s="42"/>
      <c r="E459" s="42"/>
      <c r="F459" s="42"/>
      <c r="G459" s="42"/>
      <c r="H459" s="42"/>
      <c r="I459" s="42"/>
      <c r="J459" s="32"/>
      <c r="L459" s="73"/>
      <c r="M459" s="13"/>
      <c r="N459" s="31"/>
      <c r="P459" s="32"/>
    </row>
    <row r="460" spans="1:16" ht="16.5" customHeight="1">
      <c r="A460" s="51"/>
      <c r="B460" s="42"/>
      <c r="C460" s="42"/>
      <c r="D460" s="42"/>
      <c r="E460" s="42"/>
      <c r="F460" s="42"/>
      <c r="G460" s="42"/>
      <c r="H460" s="42"/>
      <c r="I460" s="42"/>
      <c r="J460" s="32"/>
      <c r="L460" s="73"/>
      <c r="M460" s="13"/>
      <c r="N460" s="31"/>
      <c r="P460" s="32"/>
    </row>
    <row r="461" spans="1:16" ht="16.5" customHeight="1">
      <c r="A461" s="61"/>
      <c r="B461" s="62"/>
      <c r="C461" s="62"/>
      <c r="D461" s="62"/>
      <c r="E461" s="62"/>
      <c r="F461" s="62"/>
      <c r="G461" s="62"/>
      <c r="H461" s="62"/>
      <c r="I461" s="62"/>
      <c r="J461" s="35"/>
      <c r="K461" s="78"/>
      <c r="L461" s="79"/>
      <c r="M461" s="14"/>
      <c r="N461" s="33"/>
      <c r="O461" s="34"/>
      <c r="P461" s="35"/>
    </row>
    <row r="462" spans="1:16" ht="16.5" customHeight="1">
      <c r="A462" s="51" t="s">
        <v>91</v>
      </c>
      <c r="B462" s="42"/>
      <c r="C462" s="42"/>
      <c r="D462" s="42"/>
      <c r="E462" s="42"/>
      <c r="F462" s="42"/>
      <c r="G462" s="42"/>
      <c r="H462" s="42"/>
      <c r="I462" s="42"/>
      <c r="J462" s="32"/>
      <c r="L462" s="73"/>
      <c r="M462" s="13" t="s">
        <v>34</v>
      </c>
      <c r="N462" s="31"/>
      <c r="P462" s="32"/>
    </row>
    <row r="463" spans="1:16" ht="16.5" customHeight="1">
      <c r="A463" s="51"/>
      <c r="B463" s="42" t="s">
        <v>184</v>
      </c>
      <c r="C463" s="42"/>
      <c r="D463" s="42"/>
      <c r="E463" s="42"/>
      <c r="F463" s="42"/>
      <c r="G463" s="42"/>
      <c r="H463" s="42"/>
      <c r="I463" s="42"/>
      <c r="J463" s="32"/>
      <c r="K463" s="90" t="s">
        <v>179</v>
      </c>
      <c r="L463" s="91" t="s">
        <v>179</v>
      </c>
      <c r="M463" s="13" t="s">
        <v>35</v>
      </c>
      <c r="N463" s="31"/>
      <c r="P463" s="32"/>
    </row>
    <row r="464" spans="1:16" ht="16.5" customHeight="1">
      <c r="A464" s="51"/>
      <c r="B464" s="42" t="s">
        <v>185</v>
      </c>
      <c r="C464" s="42"/>
      <c r="D464" s="42"/>
      <c r="E464" s="42"/>
      <c r="F464" s="42"/>
      <c r="G464" s="42"/>
      <c r="H464" s="42"/>
      <c r="I464" s="42"/>
      <c r="J464" s="32"/>
      <c r="L464" s="73"/>
      <c r="M464" s="13" t="s">
        <v>36</v>
      </c>
      <c r="N464" s="31"/>
      <c r="P464" s="32"/>
    </row>
    <row r="465" spans="1:16" ht="16.5" customHeight="1">
      <c r="A465" s="51"/>
      <c r="B465" s="42" t="s">
        <v>187</v>
      </c>
      <c r="C465" s="42"/>
      <c r="D465" s="42"/>
      <c r="E465" s="42"/>
      <c r="F465" s="42"/>
      <c r="G465" s="42"/>
      <c r="H465" s="42"/>
      <c r="I465" s="42"/>
      <c r="J465" s="32"/>
      <c r="K465" s="90" t="s">
        <v>179</v>
      </c>
      <c r="L465" s="91" t="s">
        <v>179</v>
      </c>
      <c r="M465" s="13" t="s">
        <v>37</v>
      </c>
      <c r="N465" s="31"/>
      <c r="P465" s="32"/>
    </row>
    <row r="466" spans="1:16" ht="16.5" customHeight="1">
      <c r="A466" s="51"/>
      <c r="B466" s="42" t="s">
        <v>186</v>
      </c>
      <c r="C466" s="42"/>
      <c r="D466" s="42"/>
      <c r="E466" s="42"/>
      <c r="F466" s="42"/>
      <c r="G466" s="42"/>
      <c r="H466" s="42"/>
      <c r="I466" s="42"/>
      <c r="J466" s="32"/>
      <c r="L466" s="73"/>
      <c r="M466" s="13"/>
      <c r="N466" s="31"/>
      <c r="P466" s="32"/>
    </row>
    <row r="467" spans="1:16" ht="16.5" customHeight="1">
      <c r="A467" s="51"/>
      <c r="B467" s="42"/>
      <c r="C467" s="42"/>
      <c r="D467" s="42"/>
      <c r="E467" s="42"/>
      <c r="F467" s="42"/>
      <c r="G467" s="42"/>
      <c r="H467" s="42"/>
      <c r="I467" s="42"/>
      <c r="J467" s="32"/>
      <c r="L467" s="73"/>
      <c r="M467" s="13"/>
      <c r="N467" s="31"/>
      <c r="P467" s="32"/>
    </row>
    <row r="468" spans="1:16" ht="16.5" customHeight="1">
      <c r="A468" s="51"/>
      <c r="B468" s="42"/>
      <c r="C468" s="42"/>
      <c r="D468" s="42"/>
      <c r="E468" s="42"/>
      <c r="F468" s="42"/>
      <c r="G468" s="42"/>
      <c r="H468" s="42"/>
      <c r="I468" s="42"/>
      <c r="J468" s="32"/>
      <c r="L468" s="73"/>
      <c r="M468" s="13"/>
      <c r="N468" s="31"/>
      <c r="P468" s="32"/>
    </row>
    <row r="469" spans="1:16" ht="16.5" customHeight="1">
      <c r="A469" s="51"/>
      <c r="B469" s="42"/>
      <c r="C469" s="42"/>
      <c r="D469" s="42"/>
      <c r="E469" s="42"/>
      <c r="F469" s="42"/>
      <c r="G469" s="42"/>
      <c r="H469" s="42"/>
      <c r="I469" s="42"/>
      <c r="J469" s="32"/>
      <c r="L469" s="73"/>
      <c r="M469" s="13"/>
      <c r="N469" s="31"/>
      <c r="P469" s="32"/>
    </row>
    <row r="470" spans="1:16" ht="16.5" customHeight="1">
      <c r="A470" s="51"/>
      <c r="B470" s="42"/>
      <c r="C470" s="42"/>
      <c r="D470" s="42"/>
      <c r="E470" s="42"/>
      <c r="F470" s="42"/>
      <c r="G470" s="42"/>
      <c r="H470" s="42"/>
      <c r="I470" s="42"/>
      <c r="J470" s="32"/>
      <c r="L470" s="73"/>
      <c r="M470" s="13"/>
      <c r="N470" s="31"/>
      <c r="P470" s="32"/>
    </row>
    <row r="471" spans="1:16" ht="16.5" customHeight="1">
      <c r="A471" s="51"/>
      <c r="B471" s="42"/>
      <c r="C471" s="42"/>
      <c r="D471" s="42"/>
      <c r="E471" s="42"/>
      <c r="F471" s="42"/>
      <c r="G471" s="42"/>
      <c r="H471" s="42"/>
      <c r="I471" s="42"/>
      <c r="J471" s="32"/>
      <c r="L471" s="73"/>
      <c r="M471" s="13"/>
      <c r="N471" s="31"/>
      <c r="P471" s="32"/>
    </row>
    <row r="472" spans="1:16" ht="16.5" customHeight="1">
      <c r="A472" s="51"/>
      <c r="B472" s="42"/>
      <c r="C472" s="42"/>
      <c r="D472" s="42"/>
      <c r="E472" s="42"/>
      <c r="F472" s="42"/>
      <c r="G472" s="42"/>
      <c r="H472" s="42"/>
      <c r="I472" s="42"/>
      <c r="J472" s="32"/>
      <c r="L472" s="73"/>
      <c r="M472" s="13"/>
      <c r="N472" s="31"/>
      <c r="P472" s="32"/>
    </row>
    <row r="473" spans="1:16" ht="16.5" customHeight="1">
      <c r="A473" s="51"/>
      <c r="B473" s="42"/>
      <c r="C473" s="42"/>
      <c r="D473" s="42"/>
      <c r="E473" s="42"/>
      <c r="F473" s="42"/>
      <c r="G473" s="42"/>
      <c r="H473" s="42"/>
      <c r="I473" s="42"/>
      <c r="J473" s="32"/>
      <c r="L473" s="73"/>
      <c r="M473" s="13"/>
      <c r="N473" s="31"/>
      <c r="P473" s="32"/>
    </row>
    <row r="474" spans="1:16" ht="16.5" customHeight="1">
      <c r="A474" s="51"/>
      <c r="B474" s="42"/>
      <c r="C474" s="42"/>
      <c r="D474" s="42"/>
      <c r="E474" s="42"/>
      <c r="F474" s="42"/>
      <c r="G474" s="42"/>
      <c r="H474" s="42"/>
      <c r="I474" s="42"/>
      <c r="J474" s="32"/>
      <c r="L474" s="73"/>
      <c r="M474" s="13"/>
      <c r="N474" s="31"/>
      <c r="P474" s="32"/>
    </row>
    <row r="475" spans="1:16" ht="16.5" customHeight="1">
      <c r="A475" s="51"/>
      <c r="B475" s="42"/>
      <c r="C475" s="42"/>
      <c r="D475" s="42"/>
      <c r="E475" s="42"/>
      <c r="F475" s="42"/>
      <c r="G475" s="42"/>
      <c r="H475" s="42"/>
      <c r="I475" s="42"/>
      <c r="J475" s="32"/>
      <c r="L475" s="73"/>
      <c r="M475" s="13"/>
      <c r="N475" s="31"/>
      <c r="P475" s="32"/>
    </row>
    <row r="476" spans="1:16" ht="16.5" customHeight="1">
      <c r="A476" s="51"/>
      <c r="B476" s="42"/>
      <c r="C476" s="42"/>
      <c r="D476" s="42"/>
      <c r="E476" s="42"/>
      <c r="F476" s="42"/>
      <c r="G476" s="42"/>
      <c r="H476" s="42"/>
      <c r="I476" s="42"/>
      <c r="J476" s="32"/>
      <c r="L476" s="73"/>
      <c r="M476" s="13"/>
      <c r="N476" s="31"/>
      <c r="P476" s="32"/>
    </row>
    <row r="477" spans="1:16" ht="16.5" customHeight="1">
      <c r="A477" s="51"/>
      <c r="B477" s="42"/>
      <c r="C477" s="42"/>
      <c r="D477" s="42"/>
      <c r="E477" s="42"/>
      <c r="F477" s="42"/>
      <c r="G477" s="42"/>
      <c r="H477" s="42"/>
      <c r="I477" s="42"/>
      <c r="J477" s="32"/>
      <c r="L477" s="73"/>
      <c r="M477" s="13"/>
      <c r="N477" s="31"/>
      <c r="P477" s="32"/>
    </row>
    <row r="478" spans="1:16" ht="16.5" customHeight="1">
      <c r="A478" s="51"/>
      <c r="B478" s="42"/>
      <c r="C478" s="42"/>
      <c r="D478" s="42"/>
      <c r="E478" s="42"/>
      <c r="F478" s="42"/>
      <c r="G478" s="42"/>
      <c r="H478" s="42"/>
      <c r="I478" s="42"/>
      <c r="J478" s="32"/>
      <c r="L478" s="73"/>
      <c r="M478" s="13"/>
      <c r="N478" s="31"/>
      <c r="P478" s="32"/>
    </row>
    <row r="479" spans="1:16" ht="16.5" customHeight="1">
      <c r="A479" s="51"/>
      <c r="B479" s="42"/>
      <c r="C479" s="42"/>
      <c r="D479" s="42"/>
      <c r="E479" s="42"/>
      <c r="F479" s="42"/>
      <c r="G479" s="42"/>
      <c r="H479" s="42"/>
      <c r="I479" s="42"/>
      <c r="J479" s="32"/>
      <c r="L479" s="73"/>
      <c r="M479" s="13"/>
      <c r="N479" s="31"/>
      <c r="P479" s="32"/>
    </row>
    <row r="480" spans="1:16" ht="16.5" customHeight="1">
      <c r="A480" s="51"/>
      <c r="B480" s="42"/>
      <c r="C480" s="42"/>
      <c r="D480" s="42"/>
      <c r="E480" s="42"/>
      <c r="F480" s="42"/>
      <c r="G480" s="42"/>
      <c r="H480" s="42"/>
      <c r="I480" s="42"/>
      <c r="J480" s="32"/>
      <c r="L480" s="73"/>
      <c r="M480" s="13"/>
      <c r="N480" s="31"/>
      <c r="P480" s="32"/>
    </row>
    <row r="481" spans="1:16" ht="16.5" customHeight="1">
      <c r="A481" s="51"/>
      <c r="B481" s="42"/>
      <c r="C481" s="42"/>
      <c r="D481" s="42"/>
      <c r="E481" s="42"/>
      <c r="F481" s="42"/>
      <c r="G481" s="42"/>
      <c r="H481" s="42"/>
      <c r="I481" s="42"/>
      <c r="J481" s="32"/>
      <c r="L481" s="73"/>
      <c r="M481" s="13"/>
      <c r="N481" s="31"/>
      <c r="P481" s="32"/>
    </row>
    <row r="482" spans="1:16" ht="16.5" customHeight="1">
      <c r="A482" s="51"/>
      <c r="B482" s="42"/>
      <c r="C482" s="42"/>
      <c r="D482" s="42"/>
      <c r="E482" s="42"/>
      <c r="F482" s="42"/>
      <c r="G482" s="42"/>
      <c r="H482" s="42"/>
      <c r="I482" s="42"/>
      <c r="J482" s="32"/>
      <c r="L482" s="73"/>
      <c r="M482" s="13"/>
      <c r="N482" s="31"/>
      <c r="P482" s="32"/>
    </row>
    <row r="483" spans="1:16" ht="16.5" customHeight="1">
      <c r="A483" s="51"/>
      <c r="B483" s="42"/>
      <c r="C483" s="42"/>
      <c r="D483" s="42"/>
      <c r="E483" s="42"/>
      <c r="F483" s="42"/>
      <c r="G483" s="42"/>
      <c r="H483" s="42"/>
      <c r="I483" s="42"/>
      <c r="J483" s="32"/>
      <c r="L483" s="73"/>
      <c r="M483" s="13"/>
      <c r="N483" s="31"/>
      <c r="P483" s="32"/>
    </row>
    <row r="484" spans="1:16" ht="16.5" customHeight="1">
      <c r="A484" s="51"/>
      <c r="B484" s="42"/>
      <c r="C484" s="42"/>
      <c r="D484" s="42"/>
      <c r="E484" s="42"/>
      <c r="F484" s="42"/>
      <c r="G484" s="42"/>
      <c r="H484" s="42"/>
      <c r="I484" s="42"/>
      <c r="J484" s="32"/>
      <c r="L484" s="73"/>
      <c r="M484" s="13"/>
      <c r="N484" s="31"/>
      <c r="P484" s="32"/>
    </row>
    <row r="485" spans="1:16" ht="16.5" customHeight="1">
      <c r="A485" s="51"/>
      <c r="B485" s="42"/>
      <c r="C485" s="42"/>
      <c r="D485" s="42"/>
      <c r="E485" s="42"/>
      <c r="F485" s="42"/>
      <c r="G485" s="42"/>
      <c r="H485" s="42"/>
      <c r="I485" s="42"/>
      <c r="J485" s="32"/>
      <c r="L485" s="73"/>
      <c r="M485" s="13"/>
      <c r="N485" s="31"/>
      <c r="P485" s="32"/>
    </row>
    <row r="486" spans="1:16" ht="16.5" customHeight="1">
      <c r="A486" s="51"/>
      <c r="B486" s="42"/>
      <c r="C486" s="42"/>
      <c r="D486" s="42"/>
      <c r="E486" s="42"/>
      <c r="F486" s="42"/>
      <c r="G486" s="42"/>
      <c r="H486" s="42"/>
      <c r="I486" s="42"/>
      <c r="J486" s="32"/>
      <c r="L486" s="73"/>
      <c r="M486" s="13"/>
      <c r="N486" s="31"/>
      <c r="P486" s="32"/>
    </row>
    <row r="487" spans="1:16" ht="16.5" customHeight="1">
      <c r="A487" s="51"/>
      <c r="B487" s="42"/>
      <c r="C487" s="42"/>
      <c r="D487" s="42"/>
      <c r="E487" s="42"/>
      <c r="F487" s="42"/>
      <c r="G487" s="42"/>
      <c r="H487" s="42"/>
      <c r="I487" s="42"/>
      <c r="J487" s="32"/>
      <c r="L487" s="73"/>
      <c r="M487" s="13"/>
      <c r="N487" s="31"/>
      <c r="P487" s="32"/>
    </row>
    <row r="488" spans="1:16" ht="16.5" customHeight="1">
      <c r="A488" s="51"/>
      <c r="B488" s="42"/>
      <c r="C488" s="42"/>
      <c r="D488" s="42"/>
      <c r="E488" s="42"/>
      <c r="F488" s="42"/>
      <c r="G488" s="42"/>
      <c r="H488" s="42"/>
      <c r="I488" s="42"/>
      <c r="J488" s="32"/>
      <c r="L488" s="73"/>
      <c r="M488" s="13"/>
      <c r="N488" s="31"/>
      <c r="P488" s="32"/>
    </row>
    <row r="489" spans="1:16" ht="16.5" customHeight="1">
      <c r="A489" s="61"/>
      <c r="B489" s="62"/>
      <c r="C489" s="62"/>
      <c r="D489" s="62"/>
      <c r="E489" s="62"/>
      <c r="F489" s="62"/>
      <c r="G489" s="62"/>
      <c r="H489" s="62"/>
      <c r="I489" s="62"/>
      <c r="J489" s="35"/>
      <c r="K489" s="78"/>
      <c r="L489" s="79"/>
      <c r="M489" s="14"/>
      <c r="N489" s="33"/>
      <c r="O489" s="34"/>
      <c r="P489" s="35"/>
    </row>
    <row r="490" spans="1:16" ht="16.5" customHeight="1">
      <c r="A490" s="51" t="s">
        <v>425</v>
      </c>
      <c r="B490" s="42"/>
      <c r="C490" s="42"/>
      <c r="D490" s="42"/>
      <c r="E490" s="42"/>
      <c r="F490" s="42"/>
      <c r="G490" s="42"/>
      <c r="H490" s="42"/>
      <c r="I490" s="42"/>
      <c r="J490" s="32"/>
      <c r="L490" s="73"/>
      <c r="M490" s="13" t="s">
        <v>38</v>
      </c>
      <c r="N490" s="31"/>
      <c r="P490" s="32"/>
    </row>
    <row r="491" spans="1:16" ht="16.5" customHeight="1">
      <c r="A491" s="51"/>
      <c r="B491" s="42" t="s">
        <v>188</v>
      </c>
      <c r="C491" s="42"/>
      <c r="D491" s="42"/>
      <c r="E491" s="42"/>
      <c r="F491" s="42"/>
      <c r="G491" s="42"/>
      <c r="H491" s="42"/>
      <c r="I491" s="42"/>
      <c r="J491" s="32"/>
      <c r="K491" s="90" t="s">
        <v>179</v>
      </c>
      <c r="L491" s="91" t="s">
        <v>179</v>
      </c>
      <c r="M491" s="13" t="s">
        <v>37</v>
      </c>
      <c r="N491" s="31"/>
      <c r="P491" s="32"/>
    </row>
    <row r="492" spans="1:16" ht="16.5" customHeight="1">
      <c r="A492" s="51"/>
      <c r="B492" s="42" t="s">
        <v>189</v>
      </c>
      <c r="C492" s="42"/>
      <c r="D492" s="42"/>
      <c r="E492" s="42"/>
      <c r="F492" s="42"/>
      <c r="G492" s="42"/>
      <c r="H492" s="42"/>
      <c r="I492" s="42"/>
      <c r="J492" s="32"/>
      <c r="K492" s="90" t="s">
        <v>179</v>
      </c>
      <c r="L492" s="91" t="s">
        <v>179</v>
      </c>
      <c r="M492" s="13" t="s">
        <v>424</v>
      </c>
      <c r="N492" s="31"/>
      <c r="P492" s="32"/>
    </row>
    <row r="493" spans="1:16" ht="16.5" customHeight="1">
      <c r="A493" s="51"/>
      <c r="B493" s="42" t="s">
        <v>423</v>
      </c>
      <c r="C493" s="42"/>
      <c r="D493" s="42"/>
      <c r="E493" s="42"/>
      <c r="F493" s="42"/>
      <c r="G493" s="42"/>
      <c r="H493" s="42"/>
      <c r="I493" s="42"/>
      <c r="J493" s="32"/>
      <c r="L493" s="73"/>
      <c r="M493" s="13"/>
      <c r="N493" s="31"/>
      <c r="P493" s="32"/>
    </row>
    <row r="494" spans="1:16" ht="16.5" customHeight="1">
      <c r="A494" s="51"/>
      <c r="B494" s="42"/>
      <c r="C494" s="42"/>
      <c r="D494" s="42"/>
      <c r="E494" s="42"/>
      <c r="F494" s="42"/>
      <c r="G494" s="42"/>
      <c r="H494" s="42"/>
      <c r="I494" s="42"/>
      <c r="J494" s="32"/>
      <c r="L494" s="73"/>
      <c r="M494" s="13"/>
      <c r="N494" s="31"/>
      <c r="P494" s="32"/>
    </row>
    <row r="495" spans="1:16" ht="16.5" customHeight="1">
      <c r="A495" s="51"/>
      <c r="B495" s="42"/>
      <c r="C495" s="42"/>
      <c r="D495" s="42"/>
      <c r="E495" s="42"/>
      <c r="F495" s="42"/>
      <c r="G495" s="42"/>
      <c r="H495" s="42"/>
      <c r="I495" s="42"/>
      <c r="J495" s="32"/>
      <c r="L495" s="73"/>
      <c r="M495" s="13"/>
      <c r="N495" s="31"/>
      <c r="P495" s="32"/>
    </row>
    <row r="496" spans="1:16" ht="16.5" customHeight="1">
      <c r="A496" s="51"/>
      <c r="B496" s="42"/>
      <c r="C496" s="42"/>
      <c r="D496" s="42"/>
      <c r="E496" s="42"/>
      <c r="F496" s="42"/>
      <c r="G496" s="42"/>
      <c r="H496" s="42"/>
      <c r="I496" s="42"/>
      <c r="J496" s="32"/>
      <c r="L496" s="73"/>
      <c r="M496" s="13"/>
      <c r="N496" s="31"/>
      <c r="P496" s="32"/>
    </row>
    <row r="497" spans="1:16" ht="16.5" customHeight="1">
      <c r="A497" s="61"/>
      <c r="B497" s="62"/>
      <c r="C497" s="62"/>
      <c r="D497" s="62"/>
      <c r="E497" s="62"/>
      <c r="F497" s="62"/>
      <c r="G497" s="62"/>
      <c r="H497" s="62"/>
      <c r="I497" s="62"/>
      <c r="J497" s="35"/>
      <c r="K497" s="78"/>
      <c r="L497" s="79"/>
      <c r="M497" s="14"/>
      <c r="N497" s="33"/>
      <c r="O497" s="34"/>
      <c r="P497" s="35"/>
    </row>
    <row r="498" spans="1:16" ht="16.5" customHeight="1">
      <c r="A498" s="51" t="s">
        <v>426</v>
      </c>
      <c r="B498" s="42"/>
      <c r="C498" s="42"/>
      <c r="D498" s="42"/>
      <c r="E498" s="42"/>
      <c r="F498" s="42"/>
      <c r="G498" s="42"/>
      <c r="H498" s="42"/>
      <c r="I498" s="42"/>
      <c r="J498" s="32"/>
      <c r="L498" s="73"/>
      <c r="M498" s="13" t="s">
        <v>424</v>
      </c>
      <c r="N498" s="31"/>
      <c r="P498" s="32"/>
    </row>
    <row r="499" spans="1:16" ht="16.5" customHeight="1">
      <c r="A499" s="51"/>
      <c r="B499" s="42" t="s">
        <v>190</v>
      </c>
      <c r="C499" s="42"/>
      <c r="D499" s="42"/>
      <c r="E499" s="42"/>
      <c r="F499" s="42"/>
      <c r="G499" s="42"/>
      <c r="H499" s="42"/>
      <c r="I499" s="42"/>
      <c r="J499" s="32"/>
      <c r="K499" s="90" t="s">
        <v>179</v>
      </c>
      <c r="L499" s="91" t="s">
        <v>179</v>
      </c>
      <c r="M499" s="13" t="s">
        <v>39</v>
      </c>
      <c r="N499" s="31"/>
      <c r="P499" s="32"/>
    </row>
    <row r="500" spans="1:16" ht="16.5" customHeight="1">
      <c r="A500" s="51"/>
      <c r="B500" s="42" t="s">
        <v>137</v>
      </c>
      <c r="C500" s="42"/>
      <c r="D500" s="42"/>
      <c r="E500" s="42"/>
      <c r="F500" s="42"/>
      <c r="G500" s="42"/>
      <c r="H500" s="42"/>
      <c r="I500" s="42"/>
      <c r="J500" s="32"/>
      <c r="L500" s="73"/>
      <c r="M500" s="13" t="s">
        <v>40</v>
      </c>
      <c r="N500" s="31"/>
      <c r="P500" s="32"/>
    </row>
    <row r="501" spans="1:16" ht="16.5" customHeight="1">
      <c r="A501" s="51"/>
      <c r="B501" s="42" t="s">
        <v>490</v>
      </c>
      <c r="C501" s="42"/>
      <c r="D501" s="42"/>
      <c r="E501" s="42"/>
      <c r="F501" s="42"/>
      <c r="G501" s="42"/>
      <c r="H501" s="42"/>
      <c r="I501" s="42"/>
      <c r="J501" s="32"/>
      <c r="K501" s="90" t="s">
        <v>179</v>
      </c>
      <c r="L501" s="91" t="s">
        <v>179</v>
      </c>
      <c r="M501" s="13" t="s">
        <v>41</v>
      </c>
      <c r="N501" s="31"/>
      <c r="P501" s="32"/>
    </row>
    <row r="502" spans="1:16" ht="16.5" customHeight="1">
      <c r="A502" s="51"/>
      <c r="B502" s="42" t="s">
        <v>191</v>
      </c>
      <c r="C502" s="42"/>
      <c r="D502" s="42"/>
      <c r="E502" s="42"/>
      <c r="F502" s="42"/>
      <c r="G502" s="42"/>
      <c r="H502" s="42"/>
      <c r="I502" s="42"/>
      <c r="J502" s="32"/>
      <c r="K502" s="90" t="s">
        <v>179</v>
      </c>
      <c r="L502" s="91" t="s">
        <v>179</v>
      </c>
      <c r="M502" s="13" t="s">
        <v>35</v>
      </c>
      <c r="N502" s="31"/>
      <c r="P502" s="32"/>
    </row>
    <row r="503" spans="1:16" ht="16.5" customHeight="1">
      <c r="A503" s="51"/>
      <c r="B503" s="42"/>
      <c r="C503" s="42"/>
      <c r="D503" s="42"/>
      <c r="E503" s="42"/>
      <c r="F503" s="42"/>
      <c r="G503" s="42"/>
      <c r="H503" s="42"/>
      <c r="I503" s="42"/>
      <c r="J503" s="32"/>
      <c r="L503" s="73"/>
      <c r="M503" s="13"/>
      <c r="N503" s="31"/>
      <c r="P503" s="32"/>
    </row>
    <row r="504" spans="1:16" ht="16.5" customHeight="1">
      <c r="A504" s="51"/>
      <c r="B504" s="42"/>
      <c r="C504" s="42"/>
      <c r="D504" s="42"/>
      <c r="E504" s="42"/>
      <c r="F504" s="42"/>
      <c r="G504" s="42"/>
      <c r="H504" s="42"/>
      <c r="I504" s="42"/>
      <c r="J504" s="32"/>
      <c r="L504" s="73"/>
      <c r="M504" s="13"/>
      <c r="N504" s="31"/>
      <c r="P504" s="32"/>
    </row>
    <row r="505" spans="1:16" ht="16.5" customHeight="1">
      <c r="A505" s="51"/>
      <c r="B505" s="42"/>
      <c r="C505" s="42"/>
      <c r="D505" s="42"/>
      <c r="E505" s="42"/>
      <c r="F505" s="42"/>
      <c r="G505" s="42"/>
      <c r="H505" s="42"/>
      <c r="I505" s="42"/>
      <c r="J505" s="32"/>
      <c r="L505" s="73"/>
      <c r="M505" s="13"/>
      <c r="N505" s="31"/>
      <c r="P505" s="32"/>
    </row>
    <row r="506" spans="1:16" ht="16.5" customHeight="1">
      <c r="A506" s="51"/>
      <c r="B506" s="42"/>
      <c r="C506" s="42"/>
      <c r="D506" s="42"/>
      <c r="E506" s="42"/>
      <c r="F506" s="42"/>
      <c r="G506" s="42"/>
      <c r="H506" s="42"/>
      <c r="I506" s="42"/>
      <c r="J506" s="32"/>
      <c r="L506" s="73"/>
      <c r="M506" s="13"/>
      <c r="N506" s="31"/>
      <c r="P506" s="32"/>
    </row>
    <row r="507" spans="1:16" ht="16.5" customHeight="1">
      <c r="A507" s="51"/>
      <c r="B507" s="42"/>
      <c r="C507" s="42"/>
      <c r="D507" s="42"/>
      <c r="E507" s="42"/>
      <c r="F507" s="42"/>
      <c r="G507" s="42"/>
      <c r="H507" s="42"/>
      <c r="I507" s="42"/>
      <c r="J507" s="32"/>
      <c r="L507" s="73"/>
      <c r="M507" s="13"/>
      <c r="N507" s="31"/>
      <c r="P507" s="32"/>
    </row>
    <row r="508" spans="1:16" ht="16.5" customHeight="1">
      <c r="A508" s="61"/>
      <c r="B508" s="62"/>
      <c r="C508" s="62"/>
      <c r="D508" s="62"/>
      <c r="E508" s="62"/>
      <c r="F508" s="62"/>
      <c r="G508" s="62"/>
      <c r="H508" s="62"/>
      <c r="I508" s="62"/>
      <c r="J508" s="35"/>
      <c r="K508" s="78"/>
      <c r="L508" s="79"/>
      <c r="M508" s="14"/>
      <c r="N508" s="33"/>
      <c r="O508" s="34"/>
      <c r="P508" s="35"/>
    </row>
    <row r="509" spans="1:16" ht="16.5" customHeight="1">
      <c r="A509" s="51" t="s">
        <v>427</v>
      </c>
      <c r="B509" s="42"/>
      <c r="C509" s="42"/>
      <c r="D509" s="42"/>
      <c r="E509" s="42"/>
      <c r="F509" s="42"/>
      <c r="G509" s="42"/>
      <c r="H509" s="42"/>
      <c r="I509" s="42"/>
      <c r="J509" s="32"/>
      <c r="L509" s="73"/>
      <c r="M509" s="13" t="s">
        <v>42</v>
      </c>
      <c r="N509" s="31"/>
      <c r="P509" s="32"/>
    </row>
    <row r="510" spans="1:16" ht="16.5" customHeight="1">
      <c r="A510" s="51"/>
      <c r="B510" s="42" t="s">
        <v>192</v>
      </c>
      <c r="C510" s="42"/>
      <c r="D510" s="42"/>
      <c r="E510" s="42"/>
      <c r="F510" s="42"/>
      <c r="G510" s="42"/>
      <c r="H510" s="42"/>
      <c r="I510" s="42"/>
      <c r="J510" s="32"/>
      <c r="K510" s="90" t="s">
        <v>179</v>
      </c>
      <c r="L510" s="91" t="s">
        <v>179</v>
      </c>
      <c r="M510" s="13" t="s">
        <v>43</v>
      </c>
      <c r="N510" s="31"/>
      <c r="P510" s="32"/>
    </row>
    <row r="511" spans="1:16" ht="16.5" customHeight="1">
      <c r="A511" s="51"/>
      <c r="B511" s="42" t="s">
        <v>491</v>
      </c>
      <c r="C511" s="42"/>
      <c r="D511" s="42"/>
      <c r="E511" s="42"/>
      <c r="F511" s="42"/>
      <c r="G511" s="42"/>
      <c r="H511" s="42"/>
      <c r="I511" s="42"/>
      <c r="J511" s="32"/>
      <c r="L511" s="73"/>
      <c r="M511" s="13" t="s">
        <v>44</v>
      </c>
      <c r="N511" s="31"/>
      <c r="P511" s="32"/>
    </row>
    <row r="512" spans="1:16" ht="16.5" customHeight="1">
      <c r="A512" s="51"/>
      <c r="B512" s="42" t="s">
        <v>494</v>
      </c>
      <c r="C512" s="42"/>
      <c r="D512" s="42"/>
      <c r="E512" s="42"/>
      <c r="F512" s="42"/>
      <c r="G512" s="42"/>
      <c r="H512" s="42"/>
      <c r="I512" s="42"/>
      <c r="J512" s="32"/>
      <c r="L512" s="73"/>
      <c r="M512" s="13" t="s">
        <v>45</v>
      </c>
      <c r="N512" s="31"/>
      <c r="P512" s="32"/>
    </row>
    <row r="513" spans="1:16" ht="16.5" customHeight="1">
      <c r="A513" s="51"/>
      <c r="B513" s="42" t="s">
        <v>495</v>
      </c>
      <c r="C513" s="42"/>
      <c r="D513" s="42"/>
      <c r="E513" s="42"/>
      <c r="F513" s="42"/>
      <c r="G513" s="42"/>
      <c r="H513" s="42"/>
      <c r="I513" s="42"/>
      <c r="J513" s="32"/>
      <c r="L513" s="73"/>
      <c r="M513" s="13" t="s">
        <v>44</v>
      </c>
      <c r="N513" s="31"/>
      <c r="P513" s="32"/>
    </row>
    <row r="514" spans="1:16" ht="16.5" customHeight="1">
      <c r="A514" s="51"/>
      <c r="B514" s="42" t="s">
        <v>492</v>
      </c>
      <c r="C514" s="42"/>
      <c r="D514" s="42"/>
      <c r="E514" s="42"/>
      <c r="F514" s="42"/>
      <c r="G514" s="42"/>
      <c r="H514" s="42"/>
      <c r="I514" s="42"/>
      <c r="J514" s="32"/>
      <c r="K514" s="90" t="s">
        <v>179</v>
      </c>
      <c r="L514" s="91" t="s">
        <v>179</v>
      </c>
      <c r="M514" s="13" t="s">
        <v>46</v>
      </c>
      <c r="N514" s="31"/>
      <c r="P514" s="32"/>
    </row>
    <row r="515" spans="1:16" ht="16.5" customHeight="1">
      <c r="A515" s="51"/>
      <c r="B515" s="42" t="s">
        <v>493</v>
      </c>
      <c r="C515" s="42"/>
      <c r="D515" s="42"/>
      <c r="E515" s="42"/>
      <c r="F515" s="42"/>
      <c r="G515" s="42"/>
      <c r="H515" s="42"/>
      <c r="I515" s="42"/>
      <c r="J515" s="32"/>
      <c r="L515" s="73"/>
      <c r="M515" s="13" t="s">
        <v>265</v>
      </c>
      <c r="N515" s="31"/>
      <c r="P515" s="32"/>
    </row>
    <row r="516" spans="1:16" ht="16.5" customHeight="1">
      <c r="A516" s="51"/>
      <c r="B516" s="42" t="s">
        <v>310</v>
      </c>
      <c r="C516" s="42"/>
      <c r="D516" s="42"/>
      <c r="E516" s="42"/>
      <c r="F516" s="42"/>
      <c r="G516" s="42"/>
      <c r="H516" s="42"/>
      <c r="I516" s="42"/>
      <c r="J516" s="32"/>
      <c r="K516" s="90" t="s">
        <v>179</v>
      </c>
      <c r="L516" s="91" t="s">
        <v>179</v>
      </c>
      <c r="M516" s="13" t="s">
        <v>313</v>
      </c>
      <c r="N516" s="31"/>
      <c r="P516" s="32"/>
    </row>
    <row r="517" spans="1:16" ht="16.5" customHeight="1">
      <c r="A517" s="51"/>
      <c r="B517" s="42" t="s">
        <v>311</v>
      </c>
      <c r="C517" s="42"/>
      <c r="D517" s="42"/>
      <c r="E517" s="42"/>
      <c r="F517" s="42"/>
      <c r="G517" s="42"/>
      <c r="H517" s="42"/>
      <c r="I517" s="42"/>
      <c r="J517" s="32"/>
      <c r="K517" s="90" t="s">
        <v>179</v>
      </c>
      <c r="L517" s="91" t="s">
        <v>179</v>
      </c>
      <c r="M517" s="13" t="s">
        <v>314</v>
      </c>
      <c r="N517" s="31"/>
      <c r="P517" s="32"/>
    </row>
    <row r="518" spans="1:16" ht="16.5" customHeight="1">
      <c r="A518" s="51"/>
      <c r="B518" s="42" t="s">
        <v>312</v>
      </c>
      <c r="C518" s="42"/>
      <c r="D518" s="42"/>
      <c r="E518" s="42"/>
      <c r="F518" s="42"/>
      <c r="G518" s="42"/>
      <c r="H518" s="42"/>
      <c r="I518" s="42"/>
      <c r="J518" s="32"/>
      <c r="L518" s="73"/>
      <c r="M518" s="13" t="s">
        <v>47</v>
      </c>
      <c r="N518" s="31"/>
      <c r="P518" s="32"/>
    </row>
    <row r="519" spans="1:16" ht="16.5" customHeight="1">
      <c r="A519" s="51"/>
      <c r="B519" s="42" t="s">
        <v>584</v>
      </c>
      <c r="C519" s="42"/>
      <c r="D519" s="42"/>
      <c r="E519" s="42"/>
      <c r="F519" s="42"/>
      <c r="G519" s="42"/>
      <c r="H519" s="42"/>
      <c r="I519" s="42"/>
      <c r="J519" s="32"/>
      <c r="K519" s="90" t="s">
        <v>179</v>
      </c>
      <c r="L519" s="91" t="s">
        <v>179</v>
      </c>
      <c r="M519" s="13" t="s">
        <v>48</v>
      </c>
      <c r="N519" s="31"/>
      <c r="P519" s="32"/>
    </row>
    <row r="520" spans="1:16" ht="16.5" customHeight="1">
      <c r="A520" s="51"/>
      <c r="B520" s="42" t="s">
        <v>585</v>
      </c>
      <c r="C520" s="42"/>
      <c r="D520" s="42"/>
      <c r="E520" s="42"/>
      <c r="F520" s="42"/>
      <c r="G520" s="42"/>
      <c r="H520" s="42"/>
      <c r="I520" s="42"/>
      <c r="J520" s="32"/>
      <c r="L520" s="73"/>
      <c r="M520" s="13"/>
      <c r="N520" s="31"/>
      <c r="P520" s="32"/>
    </row>
    <row r="521" spans="1:16" ht="16.5" customHeight="1">
      <c r="A521" s="51"/>
      <c r="B521" s="42"/>
      <c r="C521" s="42"/>
      <c r="D521" s="42"/>
      <c r="E521" s="42"/>
      <c r="F521" s="42"/>
      <c r="G521" s="42"/>
      <c r="H521" s="42"/>
      <c r="I521" s="42"/>
      <c r="J521" s="32"/>
      <c r="L521" s="73"/>
      <c r="M521" s="13"/>
      <c r="N521" s="31"/>
      <c r="P521" s="32"/>
    </row>
    <row r="522" spans="1:16" ht="16.5" customHeight="1">
      <c r="A522" s="51"/>
      <c r="B522" s="42"/>
      <c r="C522" s="42"/>
      <c r="D522" s="42"/>
      <c r="E522" s="42"/>
      <c r="F522" s="42"/>
      <c r="G522" s="42"/>
      <c r="H522" s="42"/>
      <c r="I522" s="42"/>
      <c r="J522" s="32"/>
      <c r="L522" s="73"/>
      <c r="M522" s="13"/>
      <c r="N522" s="31"/>
      <c r="P522" s="32"/>
    </row>
    <row r="523" spans="1:16" ht="16.5" customHeight="1">
      <c r="A523" s="51"/>
      <c r="B523" s="42"/>
      <c r="C523" s="42"/>
      <c r="D523" s="42"/>
      <c r="E523" s="42"/>
      <c r="F523" s="42"/>
      <c r="G523" s="42"/>
      <c r="H523" s="42"/>
      <c r="I523" s="42"/>
      <c r="J523" s="32"/>
      <c r="L523" s="73"/>
      <c r="M523" s="13"/>
      <c r="N523" s="31"/>
      <c r="P523" s="32"/>
    </row>
    <row r="524" spans="1:16" ht="16.5" customHeight="1">
      <c r="A524" s="51"/>
      <c r="B524" s="42"/>
      <c r="C524" s="42"/>
      <c r="D524" s="42"/>
      <c r="E524" s="42"/>
      <c r="F524" s="42"/>
      <c r="G524" s="42"/>
      <c r="H524" s="42"/>
      <c r="I524" s="42"/>
      <c r="J524" s="32"/>
      <c r="L524" s="73"/>
      <c r="M524" s="13"/>
      <c r="N524" s="31"/>
      <c r="P524" s="32"/>
    </row>
    <row r="525" spans="1:16" ht="16.5" customHeight="1">
      <c r="A525" s="51"/>
      <c r="B525" s="42"/>
      <c r="C525" s="42"/>
      <c r="D525" s="42"/>
      <c r="E525" s="42"/>
      <c r="F525" s="42"/>
      <c r="G525" s="42"/>
      <c r="H525" s="42"/>
      <c r="I525" s="42"/>
      <c r="J525" s="32"/>
      <c r="L525" s="73"/>
      <c r="M525" s="13"/>
      <c r="N525" s="31"/>
      <c r="P525" s="32"/>
    </row>
    <row r="526" spans="1:16" ht="16.5" customHeight="1">
      <c r="A526" s="51"/>
      <c r="B526" s="42"/>
      <c r="C526" s="42"/>
      <c r="D526" s="42"/>
      <c r="E526" s="42"/>
      <c r="F526" s="42"/>
      <c r="G526" s="42"/>
      <c r="H526" s="42"/>
      <c r="I526" s="42"/>
      <c r="J526" s="32"/>
      <c r="L526" s="73"/>
      <c r="M526" s="13"/>
      <c r="N526" s="31"/>
      <c r="P526" s="32"/>
    </row>
    <row r="527" spans="1:16" ht="16.5" customHeight="1">
      <c r="A527" s="51"/>
      <c r="B527" s="42"/>
      <c r="C527" s="42"/>
      <c r="D527" s="42"/>
      <c r="E527" s="42"/>
      <c r="F527" s="42"/>
      <c r="G527" s="42"/>
      <c r="H527" s="42"/>
      <c r="I527" s="42"/>
      <c r="J527" s="32"/>
      <c r="L527" s="73"/>
      <c r="M527" s="13"/>
      <c r="N527" s="31"/>
      <c r="P527" s="32"/>
    </row>
    <row r="528" spans="1:16" ht="16.5" customHeight="1">
      <c r="A528" s="51"/>
      <c r="B528" s="42"/>
      <c r="C528" s="42"/>
      <c r="D528" s="42"/>
      <c r="E528" s="42"/>
      <c r="F528" s="42"/>
      <c r="G528" s="42"/>
      <c r="H528" s="42"/>
      <c r="I528" s="42"/>
      <c r="J528" s="32"/>
      <c r="L528" s="73"/>
      <c r="M528" s="13"/>
      <c r="N528" s="31"/>
      <c r="P528" s="32"/>
    </row>
    <row r="529" spans="1:16" ht="16.5" customHeight="1">
      <c r="A529" s="51"/>
      <c r="B529" s="42"/>
      <c r="C529" s="42"/>
      <c r="D529" s="42"/>
      <c r="E529" s="42"/>
      <c r="F529" s="42"/>
      <c r="G529" s="42"/>
      <c r="H529" s="42"/>
      <c r="I529" s="42"/>
      <c r="J529" s="32"/>
      <c r="L529" s="73"/>
      <c r="M529" s="13"/>
      <c r="N529" s="31"/>
      <c r="P529" s="32"/>
    </row>
    <row r="530" spans="1:16" ht="16.5" customHeight="1">
      <c r="A530" s="51"/>
      <c r="B530" s="42"/>
      <c r="C530" s="42"/>
      <c r="D530" s="42"/>
      <c r="E530" s="42"/>
      <c r="F530" s="42"/>
      <c r="G530" s="42"/>
      <c r="H530" s="42"/>
      <c r="I530" s="42"/>
      <c r="J530" s="32"/>
      <c r="L530" s="73"/>
      <c r="M530" s="13"/>
      <c r="N530" s="31"/>
      <c r="P530" s="32"/>
    </row>
    <row r="531" spans="1:16" ht="16.5" customHeight="1">
      <c r="A531" s="51"/>
      <c r="B531" s="42"/>
      <c r="C531" s="42"/>
      <c r="D531" s="42"/>
      <c r="E531" s="42"/>
      <c r="F531" s="42"/>
      <c r="G531" s="42"/>
      <c r="H531" s="42"/>
      <c r="I531" s="42"/>
      <c r="J531" s="32"/>
      <c r="L531" s="73"/>
      <c r="M531" s="13"/>
      <c r="N531" s="31"/>
      <c r="P531" s="32"/>
    </row>
    <row r="532" spans="1:16" ht="16.5" customHeight="1">
      <c r="A532" s="51"/>
      <c r="B532" s="42"/>
      <c r="C532" s="42"/>
      <c r="D532" s="42"/>
      <c r="E532" s="42"/>
      <c r="F532" s="42"/>
      <c r="G532" s="42"/>
      <c r="H532" s="42"/>
      <c r="I532" s="42"/>
      <c r="J532" s="32"/>
      <c r="L532" s="73"/>
      <c r="M532" s="13"/>
      <c r="N532" s="31"/>
      <c r="P532" s="32"/>
    </row>
    <row r="533" spans="1:16" ht="16.5" customHeight="1">
      <c r="A533" s="51"/>
      <c r="B533" s="42"/>
      <c r="C533" s="42"/>
      <c r="D533" s="42"/>
      <c r="E533" s="42"/>
      <c r="F533" s="42"/>
      <c r="G533" s="42"/>
      <c r="H533" s="42"/>
      <c r="I533" s="42"/>
      <c r="J533" s="32"/>
      <c r="L533" s="73"/>
      <c r="M533" s="13"/>
      <c r="N533" s="31"/>
      <c r="P533" s="32"/>
    </row>
    <row r="534" spans="1:16" ht="16.5" customHeight="1">
      <c r="A534" s="51"/>
      <c r="B534" s="42"/>
      <c r="C534" s="42"/>
      <c r="D534" s="42"/>
      <c r="E534" s="42"/>
      <c r="F534" s="42"/>
      <c r="G534" s="42"/>
      <c r="H534" s="42"/>
      <c r="I534" s="42"/>
      <c r="J534" s="32"/>
      <c r="L534" s="73"/>
      <c r="M534" s="13"/>
      <c r="N534" s="31"/>
      <c r="P534" s="32"/>
    </row>
    <row r="535" spans="1:16" ht="16.5" customHeight="1">
      <c r="A535" s="51"/>
      <c r="B535" s="42"/>
      <c r="C535" s="42"/>
      <c r="D535" s="42"/>
      <c r="E535" s="42"/>
      <c r="F535" s="42"/>
      <c r="G535" s="42"/>
      <c r="H535" s="42"/>
      <c r="I535" s="42"/>
      <c r="J535" s="32"/>
      <c r="L535" s="73"/>
      <c r="M535" s="13"/>
      <c r="N535" s="31"/>
      <c r="P535" s="32"/>
    </row>
    <row r="536" spans="1:16" ht="16.5" customHeight="1">
      <c r="A536" s="51"/>
      <c r="B536" s="42"/>
      <c r="C536" s="42"/>
      <c r="D536" s="42"/>
      <c r="E536" s="42"/>
      <c r="F536" s="42"/>
      <c r="G536" s="42"/>
      <c r="H536" s="42"/>
      <c r="I536" s="42"/>
      <c r="J536" s="32"/>
      <c r="L536" s="73"/>
      <c r="M536" s="13"/>
      <c r="N536" s="31"/>
      <c r="P536" s="32"/>
    </row>
    <row r="537" spans="1:16" ht="16.5" customHeight="1">
      <c r="A537" s="51"/>
      <c r="B537" s="42"/>
      <c r="C537" s="42"/>
      <c r="D537" s="42"/>
      <c r="E537" s="42"/>
      <c r="F537" s="42"/>
      <c r="G537" s="42"/>
      <c r="H537" s="42"/>
      <c r="I537" s="42"/>
      <c r="J537" s="32"/>
      <c r="L537" s="73"/>
      <c r="M537" s="13"/>
      <c r="N537" s="31"/>
      <c r="P537" s="32"/>
    </row>
    <row r="538" spans="1:16" ht="16.5" customHeight="1">
      <c r="A538" s="51"/>
      <c r="B538" s="42"/>
      <c r="C538" s="42"/>
      <c r="D538" s="42"/>
      <c r="E538" s="42"/>
      <c r="F538" s="42"/>
      <c r="G538" s="42"/>
      <c r="H538" s="42"/>
      <c r="I538" s="42"/>
      <c r="J538" s="32"/>
      <c r="L538" s="73"/>
      <c r="M538" s="13"/>
      <c r="N538" s="31"/>
      <c r="P538" s="32"/>
    </row>
    <row r="539" spans="1:16" ht="16.5" customHeight="1">
      <c r="A539" s="51"/>
      <c r="B539" s="42"/>
      <c r="C539" s="42"/>
      <c r="D539" s="42"/>
      <c r="E539" s="42"/>
      <c r="F539" s="42"/>
      <c r="G539" s="42"/>
      <c r="H539" s="42"/>
      <c r="I539" s="42"/>
      <c r="J539" s="32"/>
      <c r="L539" s="73"/>
      <c r="M539" s="13"/>
      <c r="N539" s="31"/>
      <c r="P539" s="32"/>
    </row>
    <row r="540" spans="1:16" ht="16.5" customHeight="1">
      <c r="A540" s="61"/>
      <c r="B540" s="62"/>
      <c r="C540" s="62"/>
      <c r="D540" s="62"/>
      <c r="E540" s="62"/>
      <c r="F540" s="62"/>
      <c r="G540" s="62"/>
      <c r="H540" s="62"/>
      <c r="I540" s="62"/>
      <c r="J540" s="35"/>
      <c r="K540" s="78"/>
      <c r="L540" s="79"/>
      <c r="M540" s="14"/>
      <c r="N540" s="33"/>
      <c r="O540" s="34"/>
      <c r="P540" s="35"/>
    </row>
    <row r="541" spans="1:16" ht="16.5" customHeight="1">
      <c r="A541" s="51" t="s">
        <v>428</v>
      </c>
      <c r="B541" s="42"/>
      <c r="C541" s="42"/>
      <c r="D541" s="42"/>
      <c r="E541" s="42"/>
      <c r="F541" s="42"/>
      <c r="G541" s="42"/>
      <c r="H541" s="42"/>
      <c r="I541" s="42"/>
      <c r="J541" s="32"/>
      <c r="L541" s="73"/>
      <c r="M541" s="13"/>
      <c r="N541" s="31"/>
      <c r="P541" s="32"/>
    </row>
    <row r="542" spans="1:16" ht="16.5" customHeight="1">
      <c r="A542" s="51"/>
      <c r="B542" s="42" t="s">
        <v>194</v>
      </c>
      <c r="C542" s="42"/>
      <c r="D542" s="42"/>
      <c r="E542" s="42"/>
      <c r="F542" s="42"/>
      <c r="G542" s="42"/>
      <c r="H542" s="42"/>
      <c r="I542" s="42"/>
      <c r="J542" s="32"/>
      <c r="K542" s="90" t="s">
        <v>179</v>
      </c>
      <c r="L542" s="91" t="s">
        <v>179</v>
      </c>
      <c r="M542" s="13"/>
      <c r="N542" s="31"/>
      <c r="P542" s="32"/>
    </row>
    <row r="543" spans="1:16" ht="16.5" customHeight="1">
      <c r="A543" s="51"/>
      <c r="B543" s="42" t="s">
        <v>193</v>
      </c>
      <c r="C543" s="42"/>
      <c r="D543" s="42"/>
      <c r="E543" s="42"/>
      <c r="F543" s="42"/>
      <c r="G543" s="42"/>
      <c r="H543" s="42"/>
      <c r="I543" s="42"/>
      <c r="J543" s="32"/>
      <c r="L543" s="73"/>
      <c r="M543" s="13"/>
      <c r="N543" s="31"/>
      <c r="P543" s="32"/>
    </row>
    <row r="544" spans="1:16" ht="16.5" customHeight="1">
      <c r="A544" s="51"/>
      <c r="B544" s="42"/>
      <c r="C544" s="42"/>
      <c r="D544" s="42"/>
      <c r="E544" s="42"/>
      <c r="F544" s="42"/>
      <c r="G544" s="42"/>
      <c r="H544" s="42"/>
      <c r="I544" s="42"/>
      <c r="J544" s="32"/>
      <c r="L544" s="73"/>
      <c r="M544" s="13"/>
      <c r="N544" s="31"/>
      <c r="P544" s="32"/>
    </row>
    <row r="545" spans="1:16" ht="16.5" customHeight="1">
      <c r="A545" s="51"/>
      <c r="B545" s="42"/>
      <c r="C545" s="42"/>
      <c r="D545" s="42"/>
      <c r="E545" s="42"/>
      <c r="F545" s="42"/>
      <c r="G545" s="42"/>
      <c r="H545" s="42"/>
      <c r="I545" s="42"/>
      <c r="J545" s="32"/>
      <c r="L545" s="73"/>
      <c r="M545" s="13"/>
      <c r="N545" s="31"/>
      <c r="P545" s="32"/>
    </row>
    <row r="546" spans="1:16" ht="16.5" customHeight="1">
      <c r="A546" s="51"/>
      <c r="B546" s="42"/>
      <c r="C546" s="42"/>
      <c r="D546" s="42"/>
      <c r="E546" s="42"/>
      <c r="F546" s="42"/>
      <c r="G546" s="42"/>
      <c r="H546" s="42"/>
      <c r="I546" s="42"/>
      <c r="J546" s="32"/>
      <c r="L546" s="73"/>
      <c r="M546" s="13"/>
      <c r="N546" s="31"/>
      <c r="P546" s="32"/>
    </row>
    <row r="547" spans="1:16" ht="16.5" customHeight="1">
      <c r="A547" s="51"/>
      <c r="B547" s="42"/>
      <c r="C547" s="42"/>
      <c r="D547" s="42"/>
      <c r="E547" s="42"/>
      <c r="F547" s="42"/>
      <c r="G547" s="42"/>
      <c r="H547" s="42"/>
      <c r="I547" s="42"/>
      <c r="J547" s="32"/>
      <c r="L547" s="73"/>
      <c r="M547" s="13"/>
      <c r="N547" s="31"/>
      <c r="P547" s="32"/>
    </row>
    <row r="548" spans="1:16" ht="16.5" customHeight="1">
      <c r="A548" s="51"/>
      <c r="B548" s="42"/>
      <c r="C548" s="42"/>
      <c r="D548" s="42"/>
      <c r="E548" s="42"/>
      <c r="F548" s="42"/>
      <c r="G548" s="42"/>
      <c r="H548" s="42"/>
      <c r="I548" s="42"/>
      <c r="J548" s="32"/>
      <c r="L548" s="73"/>
      <c r="M548" s="13"/>
      <c r="N548" s="31"/>
      <c r="P548" s="32"/>
    </row>
    <row r="549" spans="1:16" ht="16.5" customHeight="1">
      <c r="A549" s="51"/>
      <c r="B549" s="42"/>
      <c r="C549" s="42"/>
      <c r="D549" s="42"/>
      <c r="E549" s="42"/>
      <c r="F549" s="42"/>
      <c r="G549" s="42"/>
      <c r="H549" s="42"/>
      <c r="I549" s="42"/>
      <c r="J549" s="32"/>
      <c r="L549" s="73"/>
      <c r="M549" s="13"/>
      <c r="N549" s="31"/>
      <c r="P549" s="32"/>
    </row>
    <row r="550" spans="1:16" ht="16.5" customHeight="1">
      <c r="A550" s="51"/>
      <c r="B550" s="42"/>
      <c r="C550" s="42"/>
      <c r="D550" s="42"/>
      <c r="E550" s="42"/>
      <c r="F550" s="42"/>
      <c r="G550" s="42"/>
      <c r="H550" s="42"/>
      <c r="I550" s="42"/>
      <c r="J550" s="32"/>
      <c r="L550" s="73"/>
      <c r="M550" s="13"/>
      <c r="N550" s="31"/>
      <c r="P550" s="32"/>
    </row>
    <row r="551" spans="1:16" ht="16.5" customHeight="1">
      <c r="A551" s="51"/>
      <c r="B551" s="42"/>
      <c r="C551" s="42"/>
      <c r="D551" s="42"/>
      <c r="E551" s="42"/>
      <c r="F551" s="42"/>
      <c r="G551" s="42"/>
      <c r="H551" s="42"/>
      <c r="I551" s="42"/>
      <c r="J551" s="32"/>
      <c r="L551" s="73"/>
      <c r="M551" s="13"/>
      <c r="N551" s="31"/>
      <c r="P551" s="32"/>
    </row>
    <row r="552" spans="1:16" ht="16.5" customHeight="1">
      <c r="A552" s="51"/>
      <c r="B552" s="42"/>
      <c r="C552" s="42"/>
      <c r="D552" s="42"/>
      <c r="E552" s="42"/>
      <c r="F552" s="42"/>
      <c r="G552" s="42"/>
      <c r="H552" s="42"/>
      <c r="I552" s="42"/>
      <c r="J552" s="32"/>
      <c r="L552" s="73"/>
      <c r="M552" s="13"/>
      <c r="N552" s="31"/>
      <c r="P552" s="32"/>
    </row>
    <row r="553" spans="1:16" ht="16.5" customHeight="1">
      <c r="A553" s="51"/>
      <c r="B553" s="42"/>
      <c r="C553" s="42"/>
      <c r="D553" s="42"/>
      <c r="E553" s="42"/>
      <c r="F553" s="42"/>
      <c r="G553" s="42"/>
      <c r="H553" s="42"/>
      <c r="I553" s="42"/>
      <c r="J553" s="32"/>
      <c r="L553" s="73"/>
      <c r="M553" s="13"/>
      <c r="N553" s="31"/>
      <c r="P553" s="32"/>
    </row>
    <row r="554" spans="1:16" ht="16.5" customHeight="1">
      <c r="A554" s="51"/>
      <c r="B554" s="42"/>
      <c r="C554" s="42"/>
      <c r="D554" s="42"/>
      <c r="E554" s="42"/>
      <c r="F554" s="42"/>
      <c r="G554" s="42"/>
      <c r="H554" s="42"/>
      <c r="I554" s="42"/>
      <c r="J554" s="32"/>
      <c r="L554" s="73"/>
      <c r="M554" s="13"/>
      <c r="N554" s="31"/>
      <c r="P554" s="32"/>
    </row>
    <row r="555" spans="1:16" ht="16.5" customHeight="1">
      <c r="A555" s="61"/>
      <c r="B555" s="62"/>
      <c r="C555" s="62"/>
      <c r="D555" s="62"/>
      <c r="E555" s="62"/>
      <c r="F555" s="62"/>
      <c r="G555" s="62"/>
      <c r="H555" s="62"/>
      <c r="I555" s="62"/>
      <c r="J555" s="35"/>
      <c r="K555" s="78"/>
      <c r="L555" s="79"/>
      <c r="M555" s="14"/>
      <c r="N555" s="33"/>
      <c r="O555" s="34"/>
      <c r="P555" s="35"/>
    </row>
    <row r="556" spans="1:16" ht="16.5" customHeight="1">
      <c r="A556" s="51" t="s">
        <v>429</v>
      </c>
      <c r="B556" s="42"/>
      <c r="C556" s="42"/>
      <c r="D556" s="42"/>
      <c r="E556" s="42"/>
      <c r="F556" s="42"/>
      <c r="G556" s="42"/>
      <c r="H556" s="42"/>
      <c r="I556" s="42"/>
      <c r="J556" s="32"/>
      <c r="L556" s="73"/>
      <c r="M556" s="13"/>
      <c r="N556" s="31"/>
      <c r="P556" s="32"/>
    </row>
    <row r="557" spans="1:16" ht="16.5" customHeight="1">
      <c r="A557" s="51"/>
      <c r="B557" s="42" t="s">
        <v>195</v>
      </c>
      <c r="C557" s="42"/>
      <c r="D557" s="42"/>
      <c r="E557" s="42"/>
      <c r="F557" s="42"/>
      <c r="G557" s="42"/>
      <c r="H557" s="42"/>
      <c r="I557" s="42"/>
      <c r="J557" s="32"/>
      <c r="K557" s="90" t="s">
        <v>179</v>
      </c>
      <c r="L557" s="91" t="s">
        <v>179</v>
      </c>
      <c r="M557" s="13"/>
      <c r="N557" s="31"/>
      <c r="P557" s="32"/>
    </row>
    <row r="558" spans="1:16" ht="16.5" customHeight="1">
      <c r="A558" s="51"/>
      <c r="B558" s="42" t="s">
        <v>197</v>
      </c>
      <c r="C558" s="42"/>
      <c r="D558" s="42"/>
      <c r="E558" s="42"/>
      <c r="F558" s="42"/>
      <c r="G558" s="42"/>
      <c r="H558" s="42"/>
      <c r="I558" s="42"/>
      <c r="J558" s="32"/>
      <c r="L558" s="73"/>
      <c r="M558" s="13"/>
      <c r="N558" s="31"/>
      <c r="P558" s="32"/>
    </row>
    <row r="559" spans="1:16" ht="16.5" customHeight="1">
      <c r="A559" s="51"/>
      <c r="B559" s="42" t="s">
        <v>196</v>
      </c>
      <c r="C559" s="42"/>
      <c r="D559" s="42"/>
      <c r="E559" s="42"/>
      <c r="F559" s="42"/>
      <c r="G559" s="42"/>
      <c r="H559" s="42"/>
      <c r="I559" s="42"/>
      <c r="J559" s="32"/>
      <c r="L559" s="73"/>
      <c r="M559" s="13"/>
      <c r="N559" s="31"/>
      <c r="P559" s="32"/>
    </row>
    <row r="560" spans="1:16" ht="16.5" customHeight="1">
      <c r="A560" s="51"/>
      <c r="B560" s="42" t="s">
        <v>430</v>
      </c>
      <c r="C560" s="42"/>
      <c r="D560" s="42"/>
      <c r="E560" s="42"/>
      <c r="F560" s="42"/>
      <c r="G560" s="42"/>
      <c r="H560" s="42"/>
      <c r="I560" s="42"/>
      <c r="J560" s="32"/>
      <c r="K560" s="90" t="s">
        <v>179</v>
      </c>
      <c r="L560" s="91" t="s">
        <v>179</v>
      </c>
      <c r="M560" s="13"/>
      <c r="N560" s="31"/>
      <c r="P560" s="32"/>
    </row>
    <row r="561" spans="1:16" ht="16.5" customHeight="1">
      <c r="A561" s="51"/>
      <c r="B561" s="42" t="s">
        <v>431</v>
      </c>
      <c r="C561" s="42"/>
      <c r="D561" s="42"/>
      <c r="E561" s="42"/>
      <c r="F561" s="42"/>
      <c r="G561" s="42"/>
      <c r="H561" s="42"/>
      <c r="I561" s="42"/>
      <c r="J561" s="32"/>
      <c r="L561" s="73"/>
      <c r="M561" s="13"/>
      <c r="N561" s="31"/>
      <c r="P561" s="32"/>
    </row>
    <row r="562" spans="1:16" ht="16.5" customHeight="1">
      <c r="A562" s="51"/>
      <c r="B562" s="42" t="s">
        <v>432</v>
      </c>
      <c r="C562" s="42"/>
      <c r="D562" s="42"/>
      <c r="E562" s="42"/>
      <c r="F562" s="42"/>
      <c r="G562" s="42"/>
      <c r="H562" s="42"/>
      <c r="I562" s="42"/>
      <c r="J562" s="32"/>
      <c r="K562" s="90" t="s">
        <v>179</v>
      </c>
      <c r="L562" s="91" t="s">
        <v>179</v>
      </c>
      <c r="M562" s="13"/>
      <c r="N562" s="31"/>
      <c r="P562" s="32"/>
    </row>
    <row r="563" spans="1:16" ht="16.5" customHeight="1">
      <c r="A563" s="51"/>
      <c r="B563" s="42" t="s">
        <v>433</v>
      </c>
      <c r="C563" s="42"/>
      <c r="D563" s="42"/>
      <c r="E563" s="42"/>
      <c r="F563" s="42"/>
      <c r="G563" s="42"/>
      <c r="H563" s="42"/>
      <c r="I563" s="42"/>
      <c r="J563" s="32"/>
      <c r="L563" s="73"/>
      <c r="M563" s="13"/>
      <c r="N563" s="31"/>
      <c r="P563" s="32"/>
    </row>
    <row r="564" spans="1:16" ht="16.5" customHeight="1">
      <c r="A564" s="51"/>
      <c r="B564" s="42" t="s">
        <v>434</v>
      </c>
      <c r="C564" s="42"/>
      <c r="D564" s="42"/>
      <c r="E564" s="42"/>
      <c r="F564" s="42"/>
      <c r="G564" s="42"/>
      <c r="H564" s="42"/>
      <c r="I564" s="42"/>
      <c r="J564" s="32"/>
      <c r="K564" s="90" t="s">
        <v>179</v>
      </c>
      <c r="L564" s="91" t="s">
        <v>179</v>
      </c>
      <c r="M564" s="13"/>
      <c r="N564" s="31"/>
      <c r="P564" s="32"/>
    </row>
    <row r="565" spans="1:16" ht="16.5" customHeight="1">
      <c r="A565" s="51"/>
      <c r="B565" s="42" t="s">
        <v>435</v>
      </c>
      <c r="C565" s="42"/>
      <c r="D565" s="42"/>
      <c r="E565" s="42"/>
      <c r="F565" s="42"/>
      <c r="G565" s="42"/>
      <c r="H565" s="42"/>
      <c r="I565" s="42"/>
      <c r="J565" s="32"/>
      <c r="L565" s="73"/>
      <c r="M565" s="13"/>
      <c r="N565" s="31"/>
      <c r="P565" s="32"/>
    </row>
    <row r="566" spans="1:16" ht="16.5" customHeight="1">
      <c r="A566" s="51"/>
      <c r="B566" s="42" t="s">
        <v>436</v>
      </c>
      <c r="C566" s="42"/>
      <c r="D566" s="42"/>
      <c r="E566" s="42"/>
      <c r="F566" s="42"/>
      <c r="G566" s="42"/>
      <c r="H566" s="42"/>
      <c r="I566" s="42"/>
      <c r="J566" s="32"/>
      <c r="K566" s="90" t="s">
        <v>179</v>
      </c>
      <c r="L566" s="91" t="s">
        <v>179</v>
      </c>
      <c r="M566" s="13"/>
      <c r="N566" s="31"/>
      <c r="P566" s="32"/>
    </row>
    <row r="567" spans="1:16" ht="16.5" customHeight="1">
      <c r="A567" s="51"/>
      <c r="B567" s="42" t="s">
        <v>437</v>
      </c>
      <c r="C567" s="42"/>
      <c r="D567" s="42"/>
      <c r="E567" s="42"/>
      <c r="F567" s="42"/>
      <c r="G567" s="42"/>
      <c r="H567" s="42"/>
      <c r="I567" s="42"/>
      <c r="J567" s="32"/>
      <c r="K567" s="90" t="s">
        <v>179</v>
      </c>
      <c r="L567" s="91" t="s">
        <v>179</v>
      </c>
      <c r="M567" s="13"/>
      <c r="N567" s="31"/>
      <c r="P567" s="32"/>
    </row>
    <row r="568" spans="1:16" ht="16.5" customHeight="1">
      <c r="A568" s="51"/>
      <c r="B568" s="42" t="s">
        <v>438</v>
      </c>
      <c r="C568" s="42"/>
      <c r="D568" s="42"/>
      <c r="E568" s="42"/>
      <c r="F568" s="42"/>
      <c r="G568" s="42"/>
      <c r="H568" s="42"/>
      <c r="I568" s="42"/>
      <c r="J568" s="32"/>
      <c r="L568" s="73"/>
      <c r="M568" s="13"/>
      <c r="N568" s="31"/>
      <c r="P568" s="32"/>
    </row>
    <row r="569" spans="1:16" ht="16.5" customHeight="1">
      <c r="A569" s="51"/>
      <c r="B569" s="42" t="s">
        <v>439</v>
      </c>
      <c r="C569" s="42"/>
      <c r="D569" s="42"/>
      <c r="E569" s="42"/>
      <c r="F569" s="42"/>
      <c r="G569" s="42"/>
      <c r="H569" s="42"/>
      <c r="I569" s="42"/>
      <c r="J569" s="32"/>
      <c r="K569" s="90" t="s">
        <v>179</v>
      </c>
      <c r="L569" s="91" t="s">
        <v>179</v>
      </c>
      <c r="M569" s="13"/>
      <c r="N569" s="31"/>
      <c r="P569" s="32"/>
    </row>
    <row r="570" spans="1:16" ht="16.5" customHeight="1">
      <c r="A570" s="51"/>
      <c r="B570" s="42" t="s">
        <v>440</v>
      </c>
      <c r="C570" s="42"/>
      <c r="D570" s="42"/>
      <c r="E570" s="42"/>
      <c r="F570" s="42"/>
      <c r="G570" s="42"/>
      <c r="H570" s="42"/>
      <c r="I570" s="42"/>
      <c r="J570" s="32"/>
      <c r="K570" s="90" t="s">
        <v>179</v>
      </c>
      <c r="L570" s="91" t="s">
        <v>179</v>
      </c>
      <c r="M570" s="13"/>
      <c r="N570" s="31"/>
      <c r="P570" s="32"/>
    </row>
    <row r="571" spans="1:16" ht="16.5" customHeight="1">
      <c r="A571" s="51"/>
      <c r="B571" s="42"/>
      <c r="C571" s="42"/>
      <c r="D571" s="42"/>
      <c r="E571" s="42"/>
      <c r="F571" s="42"/>
      <c r="G571" s="42"/>
      <c r="H571" s="42"/>
      <c r="I571" s="42"/>
      <c r="J571" s="32"/>
      <c r="L571" s="73"/>
      <c r="M571" s="13"/>
      <c r="N571" s="31"/>
      <c r="P571" s="32"/>
    </row>
    <row r="572" spans="1:16" ht="16.5" customHeight="1">
      <c r="A572" s="51"/>
      <c r="B572" s="42"/>
      <c r="C572" s="42"/>
      <c r="D572" s="42"/>
      <c r="E572" s="42"/>
      <c r="F572" s="42"/>
      <c r="G572" s="42"/>
      <c r="H572" s="42"/>
      <c r="I572" s="42"/>
      <c r="J572" s="32"/>
      <c r="L572" s="73"/>
      <c r="M572" s="13"/>
      <c r="N572" s="31"/>
      <c r="P572" s="32"/>
    </row>
    <row r="573" spans="1:16" ht="16.5" customHeight="1">
      <c r="A573" s="51"/>
      <c r="B573" s="42"/>
      <c r="C573" s="42"/>
      <c r="D573" s="42"/>
      <c r="E573" s="42"/>
      <c r="F573" s="42"/>
      <c r="G573" s="42"/>
      <c r="H573" s="42"/>
      <c r="I573" s="42"/>
      <c r="J573" s="32"/>
      <c r="L573" s="73"/>
      <c r="M573" s="13"/>
      <c r="N573" s="31"/>
      <c r="P573" s="32"/>
    </row>
    <row r="574" spans="1:16" ht="16.5" customHeight="1">
      <c r="A574" s="51"/>
      <c r="B574" s="42"/>
      <c r="C574" s="42"/>
      <c r="D574" s="42"/>
      <c r="E574" s="42"/>
      <c r="F574" s="42"/>
      <c r="G574" s="42"/>
      <c r="H574" s="42"/>
      <c r="I574" s="42"/>
      <c r="J574" s="32"/>
      <c r="L574" s="73"/>
      <c r="M574" s="13"/>
      <c r="N574" s="31"/>
      <c r="P574" s="32"/>
    </row>
    <row r="575" spans="1:16" ht="16.5" customHeight="1">
      <c r="A575" s="51"/>
      <c r="B575" s="42"/>
      <c r="C575" s="42"/>
      <c r="D575" s="42"/>
      <c r="E575" s="42"/>
      <c r="F575" s="42"/>
      <c r="G575" s="42"/>
      <c r="H575" s="42"/>
      <c r="I575" s="42"/>
      <c r="J575" s="32"/>
      <c r="L575" s="73"/>
      <c r="M575" s="13"/>
      <c r="N575" s="31"/>
      <c r="P575" s="32"/>
    </row>
    <row r="576" spans="1:16" ht="16.5" customHeight="1">
      <c r="A576" s="51"/>
      <c r="B576" s="42"/>
      <c r="C576" s="42"/>
      <c r="D576" s="42"/>
      <c r="E576" s="42"/>
      <c r="F576" s="42"/>
      <c r="G576" s="42"/>
      <c r="H576" s="42"/>
      <c r="I576" s="42"/>
      <c r="J576" s="32"/>
      <c r="L576" s="73"/>
      <c r="M576" s="13"/>
      <c r="N576" s="31"/>
      <c r="P576" s="32"/>
    </row>
    <row r="577" spans="1:16" ht="16.5" customHeight="1">
      <c r="A577" s="61"/>
      <c r="B577" s="62"/>
      <c r="C577" s="62"/>
      <c r="D577" s="62"/>
      <c r="E577" s="62"/>
      <c r="F577" s="62"/>
      <c r="G577" s="62"/>
      <c r="H577" s="62"/>
      <c r="I577" s="62"/>
      <c r="J577" s="35"/>
      <c r="K577" s="78"/>
      <c r="L577" s="79"/>
      <c r="M577" s="14"/>
      <c r="N577" s="33"/>
      <c r="O577" s="34"/>
      <c r="P577" s="35"/>
    </row>
    <row r="578" spans="1:16" ht="16.5" customHeight="1">
      <c r="A578" s="49" t="s">
        <v>441</v>
      </c>
      <c r="B578" s="50"/>
      <c r="C578" s="50"/>
      <c r="D578" s="50"/>
      <c r="E578" s="50"/>
      <c r="F578" s="50"/>
      <c r="G578" s="50"/>
      <c r="H578" s="50"/>
      <c r="I578" s="50"/>
      <c r="J578" s="30"/>
      <c r="K578" s="76"/>
      <c r="L578" s="77"/>
      <c r="M578" s="12"/>
      <c r="N578" s="28"/>
      <c r="O578" s="29"/>
      <c r="P578" s="30"/>
    </row>
    <row r="579" spans="1:16" ht="16.5" customHeight="1">
      <c r="A579" s="51"/>
      <c r="B579" s="42" t="s">
        <v>442</v>
      </c>
      <c r="C579" s="42"/>
      <c r="D579" s="42"/>
      <c r="E579" s="42"/>
      <c r="F579" s="42"/>
      <c r="G579" s="42"/>
      <c r="H579" s="42"/>
      <c r="I579" s="42"/>
      <c r="J579" s="32"/>
      <c r="K579" s="90" t="s">
        <v>179</v>
      </c>
      <c r="L579" s="91" t="s">
        <v>179</v>
      </c>
      <c r="M579" s="13"/>
      <c r="N579" s="31"/>
      <c r="P579" s="32"/>
    </row>
    <row r="580" spans="1:16" ht="16.5" customHeight="1">
      <c r="A580" s="51"/>
      <c r="B580" s="42" t="s">
        <v>443</v>
      </c>
      <c r="C580" s="42"/>
      <c r="D580" s="42"/>
      <c r="E580" s="42"/>
      <c r="F580" s="42"/>
      <c r="G580" s="42"/>
      <c r="H580" s="42"/>
      <c r="I580" s="42"/>
      <c r="J580" s="32"/>
      <c r="L580" s="73"/>
      <c r="M580" s="13"/>
      <c r="N580" s="31"/>
      <c r="P580" s="32"/>
    </row>
    <row r="581" spans="1:16" ht="16.5" customHeight="1">
      <c r="A581" s="61"/>
      <c r="B581" s="62"/>
      <c r="C581" s="62"/>
      <c r="D581" s="62"/>
      <c r="E581" s="62"/>
      <c r="F581" s="62"/>
      <c r="G581" s="62"/>
      <c r="H581" s="62"/>
      <c r="I581" s="62"/>
      <c r="J581" s="35"/>
      <c r="K581" s="78"/>
      <c r="L581" s="79"/>
      <c r="M581" s="14"/>
      <c r="N581" s="33"/>
      <c r="O581" s="34"/>
      <c r="P581" s="35"/>
    </row>
    <row r="582" spans="1:16" ht="16.5" customHeight="1">
      <c r="A582" s="49" t="s">
        <v>444</v>
      </c>
      <c r="B582" s="50"/>
      <c r="C582" s="50"/>
      <c r="D582" s="50"/>
      <c r="E582" s="50"/>
      <c r="F582" s="50"/>
      <c r="G582" s="50"/>
      <c r="H582" s="50"/>
      <c r="I582" s="50"/>
      <c r="J582" s="30"/>
      <c r="K582" s="76"/>
      <c r="L582" s="77"/>
      <c r="M582" s="12"/>
      <c r="N582" s="28"/>
      <c r="O582" s="29"/>
      <c r="P582" s="30"/>
    </row>
    <row r="583" spans="1:16" ht="16.5" customHeight="1">
      <c r="A583" s="51"/>
      <c r="B583" s="42" t="s">
        <v>445</v>
      </c>
      <c r="C583" s="42"/>
      <c r="D583" s="42"/>
      <c r="E583" s="42"/>
      <c r="F583" s="42"/>
      <c r="G583" s="42"/>
      <c r="H583" s="42"/>
      <c r="I583" s="42"/>
      <c r="J583" s="32"/>
      <c r="K583" s="90" t="s">
        <v>179</v>
      </c>
      <c r="L583" s="91" t="s">
        <v>179</v>
      </c>
      <c r="M583" s="13"/>
      <c r="N583" s="31"/>
      <c r="P583" s="32"/>
    </row>
    <row r="584" spans="1:16" ht="16.5" customHeight="1">
      <c r="A584" s="51"/>
      <c r="B584" s="42" t="s">
        <v>446</v>
      </c>
      <c r="C584" s="42"/>
      <c r="D584" s="42"/>
      <c r="E584" s="42"/>
      <c r="F584" s="42"/>
      <c r="G584" s="42"/>
      <c r="H584" s="42"/>
      <c r="I584" s="42"/>
      <c r="J584" s="32"/>
      <c r="L584" s="73"/>
      <c r="M584" s="13"/>
      <c r="N584" s="31"/>
      <c r="P584" s="32"/>
    </row>
    <row r="585" spans="1:16" ht="16.5" customHeight="1">
      <c r="A585" s="51"/>
      <c r="B585" s="42"/>
      <c r="C585" s="42"/>
      <c r="D585" s="42"/>
      <c r="E585" s="42"/>
      <c r="F585" s="42"/>
      <c r="G585" s="42"/>
      <c r="H585" s="42"/>
      <c r="I585" s="42"/>
      <c r="J585" s="32"/>
      <c r="L585" s="73"/>
      <c r="M585" s="13"/>
      <c r="N585" s="31"/>
      <c r="P585" s="32"/>
    </row>
    <row r="586" spans="1:16" ht="16.5" customHeight="1">
      <c r="A586" s="61"/>
      <c r="B586" s="62"/>
      <c r="C586" s="62"/>
      <c r="D586" s="62"/>
      <c r="E586" s="62"/>
      <c r="F586" s="62"/>
      <c r="G586" s="62"/>
      <c r="H586" s="62"/>
      <c r="I586" s="62"/>
      <c r="J586" s="35"/>
      <c r="K586" s="78"/>
      <c r="L586" s="79"/>
      <c r="M586" s="14"/>
      <c r="N586" s="33"/>
      <c r="O586" s="34"/>
      <c r="P586" s="35"/>
    </row>
    <row r="587" spans="1:16" ht="16.5" customHeight="1">
      <c r="A587" s="51" t="s">
        <v>447</v>
      </c>
      <c r="B587" s="42"/>
      <c r="C587" s="42"/>
      <c r="D587" s="42"/>
      <c r="E587" s="42"/>
      <c r="F587" s="42"/>
      <c r="G587" s="42"/>
      <c r="H587" s="42"/>
      <c r="I587" s="42"/>
      <c r="J587" s="32"/>
      <c r="L587" s="73"/>
      <c r="M587" s="13" t="s">
        <v>59</v>
      </c>
      <c r="N587" s="31"/>
      <c r="P587" s="32"/>
    </row>
    <row r="588" spans="1:16" ht="16.5" customHeight="1">
      <c r="A588" s="51"/>
      <c r="B588" s="42" t="s">
        <v>141</v>
      </c>
      <c r="C588" s="42"/>
      <c r="D588" s="42"/>
      <c r="E588" s="42"/>
      <c r="F588" s="42"/>
      <c r="G588" s="42"/>
      <c r="H588" s="42"/>
      <c r="I588" s="42"/>
      <c r="J588" s="32"/>
      <c r="K588" s="90" t="s">
        <v>179</v>
      </c>
      <c r="L588" s="91" t="s">
        <v>179</v>
      </c>
      <c r="M588" s="13" t="s">
        <v>60</v>
      </c>
      <c r="N588" s="31"/>
      <c r="P588" s="32"/>
    </row>
    <row r="589" spans="1:16" ht="16.5" customHeight="1">
      <c r="A589" s="51"/>
      <c r="B589" s="42" t="s">
        <v>497</v>
      </c>
      <c r="C589" s="42"/>
      <c r="D589" s="42"/>
      <c r="E589" s="42"/>
      <c r="F589" s="42"/>
      <c r="G589" s="42"/>
      <c r="H589" s="42"/>
      <c r="I589" s="42"/>
      <c r="J589" s="32"/>
      <c r="K589" s="90" t="s">
        <v>179</v>
      </c>
      <c r="L589" s="91" t="s">
        <v>179</v>
      </c>
      <c r="M589" s="13" t="s">
        <v>61</v>
      </c>
      <c r="N589" s="31"/>
      <c r="P589" s="32"/>
    </row>
    <row r="590" spans="1:16" ht="16.5" customHeight="1">
      <c r="A590" s="51"/>
      <c r="B590" s="42" t="s">
        <v>498</v>
      </c>
      <c r="C590" s="42"/>
      <c r="D590" s="42"/>
      <c r="E590" s="42"/>
      <c r="F590" s="42"/>
      <c r="G590" s="42"/>
      <c r="H590" s="42"/>
      <c r="I590" s="42"/>
      <c r="J590" s="32"/>
      <c r="K590" s="90" t="s">
        <v>179</v>
      </c>
      <c r="L590" s="91" t="s">
        <v>179</v>
      </c>
      <c r="M590" s="13" t="s">
        <v>62</v>
      </c>
      <c r="N590" s="31"/>
      <c r="P590" s="32"/>
    </row>
    <row r="591" spans="1:16" ht="16.5" customHeight="1">
      <c r="A591" s="51"/>
      <c r="B591" s="42" t="s">
        <v>199</v>
      </c>
      <c r="C591" s="42"/>
      <c r="D591" s="42"/>
      <c r="E591" s="42"/>
      <c r="F591" s="42"/>
      <c r="G591" s="42"/>
      <c r="H591" s="42"/>
      <c r="I591" s="42"/>
      <c r="J591" s="32"/>
      <c r="L591" s="73"/>
      <c r="M591" s="13"/>
      <c r="N591" s="31"/>
      <c r="P591" s="32"/>
    </row>
    <row r="592" spans="1:16" ht="16.5" customHeight="1">
      <c r="A592" s="51"/>
      <c r="B592" s="42" t="s">
        <v>499</v>
      </c>
      <c r="C592" s="42"/>
      <c r="D592" s="42"/>
      <c r="E592" s="42"/>
      <c r="F592" s="42"/>
      <c r="G592" s="42"/>
      <c r="H592" s="42"/>
      <c r="I592" s="42"/>
      <c r="J592" s="32"/>
      <c r="K592" s="90" t="s">
        <v>179</v>
      </c>
      <c r="L592" s="91" t="s">
        <v>179</v>
      </c>
      <c r="M592" s="13"/>
      <c r="N592" s="31"/>
      <c r="P592" s="32"/>
    </row>
    <row r="593" spans="1:16" ht="16.5" customHeight="1">
      <c r="A593" s="51"/>
      <c r="B593" s="42" t="s">
        <v>198</v>
      </c>
      <c r="C593" s="42"/>
      <c r="D593" s="42"/>
      <c r="E593" s="42"/>
      <c r="F593" s="42"/>
      <c r="G593" s="42"/>
      <c r="H593" s="42"/>
      <c r="I593" s="42"/>
      <c r="J593" s="32"/>
      <c r="L593" s="73"/>
      <c r="M593" s="13"/>
      <c r="N593" s="31"/>
      <c r="P593" s="32"/>
    </row>
    <row r="594" spans="1:16" ht="16.5" customHeight="1">
      <c r="A594" s="51"/>
      <c r="B594" s="42"/>
      <c r="C594" s="42"/>
      <c r="D594" s="42"/>
      <c r="E594" s="42"/>
      <c r="F594" s="42"/>
      <c r="G594" s="42"/>
      <c r="H594" s="42"/>
      <c r="I594" s="42"/>
      <c r="J594" s="32"/>
      <c r="L594" s="73"/>
      <c r="M594" s="13"/>
      <c r="N594" s="31"/>
      <c r="P594" s="32"/>
    </row>
    <row r="595" spans="1:16" ht="16.5" customHeight="1">
      <c r="A595" s="51"/>
      <c r="B595" s="42"/>
      <c r="C595" s="42"/>
      <c r="D595" s="42"/>
      <c r="E595" s="42"/>
      <c r="F595" s="42"/>
      <c r="G595" s="42"/>
      <c r="H595" s="42"/>
      <c r="I595" s="42"/>
      <c r="J595" s="32"/>
      <c r="L595" s="73"/>
      <c r="M595" s="13"/>
      <c r="N595" s="31"/>
      <c r="P595" s="32"/>
    </row>
    <row r="596" spans="1:16" ht="16.5" customHeight="1">
      <c r="A596" s="51"/>
      <c r="B596" s="42"/>
      <c r="C596" s="42"/>
      <c r="D596" s="42"/>
      <c r="E596" s="42"/>
      <c r="F596" s="42"/>
      <c r="G596" s="42"/>
      <c r="H596" s="42"/>
      <c r="I596" s="42"/>
      <c r="J596" s="32"/>
      <c r="L596" s="73"/>
      <c r="M596" s="13"/>
      <c r="N596" s="31"/>
      <c r="P596" s="32"/>
    </row>
    <row r="597" spans="1:16" ht="16.5" customHeight="1">
      <c r="A597" s="51"/>
      <c r="B597" s="42"/>
      <c r="C597" s="42"/>
      <c r="D597" s="42"/>
      <c r="E597" s="42"/>
      <c r="F597" s="42"/>
      <c r="G597" s="42"/>
      <c r="H597" s="42"/>
      <c r="I597" s="42"/>
      <c r="J597" s="32"/>
      <c r="L597" s="73"/>
      <c r="M597" s="13"/>
      <c r="N597" s="31"/>
      <c r="P597" s="32"/>
    </row>
    <row r="598" spans="1:16" ht="16.5" customHeight="1">
      <c r="A598" s="51"/>
      <c r="B598" s="42"/>
      <c r="C598" s="42"/>
      <c r="D598" s="42"/>
      <c r="E598" s="42"/>
      <c r="F598" s="42"/>
      <c r="G598" s="42"/>
      <c r="H598" s="42"/>
      <c r="I598" s="42"/>
      <c r="J598" s="32"/>
      <c r="L598" s="73"/>
      <c r="M598" s="13"/>
      <c r="N598" s="31"/>
      <c r="P598" s="32"/>
    </row>
    <row r="599" spans="1:16" ht="16.5" customHeight="1">
      <c r="A599" s="51"/>
      <c r="B599" s="42"/>
      <c r="C599" s="42"/>
      <c r="D599" s="42"/>
      <c r="E599" s="42"/>
      <c r="F599" s="42"/>
      <c r="G599" s="42"/>
      <c r="H599" s="42"/>
      <c r="I599" s="42"/>
      <c r="J599" s="32"/>
      <c r="L599" s="73"/>
      <c r="M599" s="13"/>
      <c r="N599" s="31"/>
      <c r="P599" s="32"/>
    </row>
    <row r="600" spans="1:16" ht="16.5" customHeight="1">
      <c r="A600" s="51"/>
      <c r="B600" s="42"/>
      <c r="C600" s="42"/>
      <c r="D600" s="42"/>
      <c r="E600" s="42"/>
      <c r="F600" s="42"/>
      <c r="G600" s="42"/>
      <c r="H600" s="42"/>
      <c r="I600" s="42"/>
      <c r="J600" s="32"/>
      <c r="L600" s="73"/>
      <c r="M600" s="13"/>
      <c r="N600" s="31"/>
      <c r="P600" s="32"/>
    </row>
    <row r="601" spans="1:16" ht="16.5" customHeight="1">
      <c r="A601" s="51"/>
      <c r="B601" s="42"/>
      <c r="C601" s="42"/>
      <c r="D601" s="42"/>
      <c r="E601" s="42"/>
      <c r="F601" s="42"/>
      <c r="G601" s="42"/>
      <c r="H601" s="42"/>
      <c r="I601" s="42"/>
      <c r="J601" s="32"/>
      <c r="L601" s="73"/>
      <c r="M601" s="13"/>
      <c r="N601" s="31"/>
      <c r="P601" s="32"/>
    </row>
    <row r="602" spans="1:16" ht="16.5" customHeight="1">
      <c r="A602" s="51"/>
      <c r="B602" s="42"/>
      <c r="C602" s="42"/>
      <c r="D602" s="42"/>
      <c r="E602" s="42"/>
      <c r="F602" s="42"/>
      <c r="G602" s="42"/>
      <c r="H602" s="42"/>
      <c r="I602" s="42"/>
      <c r="J602" s="32"/>
      <c r="L602" s="73"/>
      <c r="M602" s="13"/>
      <c r="N602" s="31"/>
      <c r="P602" s="32"/>
    </row>
    <row r="603" spans="1:16" ht="16.5" customHeight="1">
      <c r="A603" s="51"/>
      <c r="B603" s="42"/>
      <c r="C603" s="42"/>
      <c r="D603" s="42"/>
      <c r="E603" s="42"/>
      <c r="F603" s="42"/>
      <c r="G603" s="42"/>
      <c r="H603" s="42"/>
      <c r="I603" s="42"/>
      <c r="J603" s="32"/>
      <c r="L603" s="73"/>
      <c r="M603" s="13"/>
      <c r="N603" s="31"/>
      <c r="P603" s="32"/>
    </row>
    <row r="604" spans="1:16" ht="16.5" customHeight="1">
      <c r="A604" s="51"/>
      <c r="B604" s="42"/>
      <c r="C604" s="42"/>
      <c r="D604" s="42"/>
      <c r="E604" s="42"/>
      <c r="F604" s="42"/>
      <c r="G604" s="42"/>
      <c r="H604" s="42"/>
      <c r="I604" s="42"/>
      <c r="J604" s="32"/>
      <c r="L604" s="73"/>
      <c r="M604" s="13"/>
      <c r="N604" s="31"/>
      <c r="P604" s="32"/>
    </row>
    <row r="605" spans="1:16" ht="16.5" customHeight="1">
      <c r="A605" s="51"/>
      <c r="B605" s="42"/>
      <c r="C605" s="42"/>
      <c r="D605" s="42"/>
      <c r="E605" s="42"/>
      <c r="F605" s="42"/>
      <c r="G605" s="42"/>
      <c r="H605" s="42"/>
      <c r="I605" s="42"/>
      <c r="J605" s="32"/>
      <c r="L605" s="73"/>
      <c r="M605" s="13"/>
      <c r="N605" s="31"/>
      <c r="P605" s="32"/>
    </row>
    <row r="606" spans="1:16" ht="16.5" customHeight="1">
      <c r="A606" s="51"/>
      <c r="B606" s="42"/>
      <c r="C606" s="42"/>
      <c r="D606" s="42"/>
      <c r="E606" s="42"/>
      <c r="F606" s="42"/>
      <c r="G606" s="42"/>
      <c r="H606" s="42"/>
      <c r="I606" s="42"/>
      <c r="J606" s="32"/>
      <c r="L606" s="73"/>
      <c r="M606" s="13"/>
      <c r="N606" s="31"/>
      <c r="P606" s="32"/>
    </row>
    <row r="607" spans="1:16" ht="16.5" customHeight="1">
      <c r="A607" s="51"/>
      <c r="B607" s="42"/>
      <c r="C607" s="42"/>
      <c r="D607" s="42"/>
      <c r="E607" s="42"/>
      <c r="F607" s="42"/>
      <c r="G607" s="42"/>
      <c r="H607" s="42"/>
      <c r="I607" s="42"/>
      <c r="J607" s="32"/>
      <c r="L607" s="73"/>
      <c r="M607" s="13"/>
      <c r="N607" s="31"/>
      <c r="P607" s="32"/>
    </row>
    <row r="608" spans="1:16" ht="16.5" customHeight="1">
      <c r="A608" s="51"/>
      <c r="B608" s="42"/>
      <c r="C608" s="42"/>
      <c r="D608" s="42"/>
      <c r="E608" s="42"/>
      <c r="F608" s="42"/>
      <c r="G608" s="42"/>
      <c r="H608" s="42"/>
      <c r="I608" s="42"/>
      <c r="J608" s="32"/>
      <c r="L608" s="73"/>
      <c r="M608" s="13"/>
      <c r="N608" s="31"/>
      <c r="P608" s="32"/>
    </row>
    <row r="609" spans="1:16" ht="16.5" customHeight="1">
      <c r="A609" s="51"/>
      <c r="B609" s="42"/>
      <c r="C609" s="42"/>
      <c r="D609" s="42"/>
      <c r="E609" s="42"/>
      <c r="F609" s="42"/>
      <c r="G609" s="42"/>
      <c r="H609" s="42"/>
      <c r="I609" s="42"/>
      <c r="J609" s="32"/>
      <c r="L609" s="73"/>
      <c r="M609" s="13"/>
      <c r="N609" s="31"/>
      <c r="P609" s="32"/>
    </row>
    <row r="610" spans="1:16" ht="16.5" customHeight="1">
      <c r="A610" s="51"/>
      <c r="B610" s="42"/>
      <c r="C610" s="42"/>
      <c r="D610" s="42"/>
      <c r="E610" s="42"/>
      <c r="F610" s="42"/>
      <c r="G610" s="42"/>
      <c r="H610" s="42"/>
      <c r="I610" s="42"/>
      <c r="J610" s="32"/>
      <c r="L610" s="73"/>
      <c r="M610" s="13"/>
      <c r="N610" s="31"/>
      <c r="P610" s="32"/>
    </row>
    <row r="611" spans="1:16" ht="16.5" customHeight="1">
      <c r="A611" s="51"/>
      <c r="B611" s="42"/>
      <c r="C611" s="42"/>
      <c r="D611" s="42"/>
      <c r="E611" s="42"/>
      <c r="F611" s="42"/>
      <c r="G611" s="42"/>
      <c r="H611" s="42"/>
      <c r="I611" s="42"/>
      <c r="J611" s="32"/>
      <c r="L611" s="73"/>
      <c r="M611" s="13"/>
      <c r="N611" s="31"/>
      <c r="P611" s="32"/>
    </row>
    <row r="612" spans="1:16" ht="16.5" customHeight="1">
      <c r="A612" s="51"/>
      <c r="B612" s="42"/>
      <c r="C612" s="42"/>
      <c r="D612" s="42"/>
      <c r="E612" s="42"/>
      <c r="F612" s="42"/>
      <c r="G612" s="42"/>
      <c r="H612" s="42"/>
      <c r="I612" s="42"/>
      <c r="J612" s="32"/>
      <c r="L612" s="73"/>
      <c r="M612" s="13"/>
      <c r="N612" s="31"/>
      <c r="P612" s="32"/>
    </row>
    <row r="613" spans="1:16" ht="16.5" customHeight="1">
      <c r="A613" s="51"/>
      <c r="B613" s="42"/>
      <c r="C613" s="42"/>
      <c r="D613" s="42"/>
      <c r="E613" s="42"/>
      <c r="F613" s="42"/>
      <c r="G613" s="42"/>
      <c r="H613" s="42"/>
      <c r="I613" s="42"/>
      <c r="J613" s="32"/>
      <c r="L613" s="73"/>
      <c r="M613" s="13"/>
      <c r="N613" s="31"/>
      <c r="P613" s="32"/>
    </row>
    <row r="614" spans="1:16" ht="16.5" customHeight="1">
      <c r="A614" s="51"/>
      <c r="B614" s="42"/>
      <c r="C614" s="42"/>
      <c r="D614" s="42"/>
      <c r="E614" s="42"/>
      <c r="F614" s="42"/>
      <c r="G614" s="42"/>
      <c r="H614" s="42"/>
      <c r="I614" s="42"/>
      <c r="J614" s="32"/>
      <c r="L614" s="73"/>
      <c r="M614" s="13"/>
      <c r="N614" s="31"/>
      <c r="P614" s="32"/>
    </row>
    <row r="615" spans="1:16" ht="16.5" customHeight="1">
      <c r="A615" s="51"/>
      <c r="B615" s="42"/>
      <c r="C615" s="42"/>
      <c r="D615" s="42"/>
      <c r="E615" s="42"/>
      <c r="F615" s="42"/>
      <c r="G615" s="42"/>
      <c r="H615" s="42"/>
      <c r="I615" s="42"/>
      <c r="J615" s="32"/>
      <c r="L615" s="73"/>
      <c r="M615" s="13"/>
      <c r="N615" s="31"/>
      <c r="P615" s="32"/>
    </row>
    <row r="616" spans="1:16" ht="16.5" customHeight="1">
      <c r="A616" s="51"/>
      <c r="B616" s="42"/>
      <c r="C616" s="42"/>
      <c r="D616" s="42"/>
      <c r="E616" s="42"/>
      <c r="F616" s="42"/>
      <c r="G616" s="42"/>
      <c r="H616" s="42"/>
      <c r="I616" s="42"/>
      <c r="J616" s="32"/>
      <c r="L616" s="73"/>
      <c r="M616" s="13"/>
      <c r="N616" s="31"/>
      <c r="P616" s="32"/>
    </row>
    <row r="617" spans="1:16" ht="16.5" customHeight="1">
      <c r="A617" s="51"/>
      <c r="B617" s="42"/>
      <c r="C617" s="42"/>
      <c r="D617" s="42"/>
      <c r="E617" s="42"/>
      <c r="F617" s="42"/>
      <c r="G617" s="42"/>
      <c r="H617" s="42"/>
      <c r="I617" s="42"/>
      <c r="J617" s="32"/>
      <c r="L617" s="73"/>
      <c r="M617" s="13"/>
      <c r="N617" s="31"/>
      <c r="P617" s="32"/>
    </row>
    <row r="618" spans="1:16" ht="16.5" customHeight="1">
      <c r="A618" s="61"/>
      <c r="B618" s="62"/>
      <c r="C618" s="62"/>
      <c r="D618" s="62"/>
      <c r="E618" s="62"/>
      <c r="F618" s="62"/>
      <c r="G618" s="62"/>
      <c r="H618" s="62"/>
      <c r="I618" s="62"/>
      <c r="J618" s="35"/>
      <c r="K618" s="78"/>
      <c r="L618" s="79"/>
      <c r="M618" s="14"/>
      <c r="N618" s="33"/>
      <c r="O618" s="34"/>
      <c r="P618" s="35"/>
    </row>
    <row r="619" spans="1:16" ht="16.5" customHeight="1">
      <c r="A619" s="51" t="s">
        <v>448</v>
      </c>
      <c r="B619" s="42"/>
      <c r="C619" s="42"/>
      <c r="D619" s="42"/>
      <c r="E619" s="42"/>
      <c r="F619" s="42"/>
      <c r="G619" s="42"/>
      <c r="H619" s="42"/>
      <c r="I619" s="42"/>
      <c r="J619" s="32"/>
      <c r="L619" s="73"/>
      <c r="M619" s="13" t="s">
        <v>63</v>
      </c>
      <c r="N619" s="31"/>
      <c r="P619" s="32"/>
    </row>
    <row r="620" spans="1:16" ht="16.5" customHeight="1">
      <c r="A620" s="51" t="s">
        <v>595</v>
      </c>
      <c r="B620" s="42"/>
      <c r="C620" s="42"/>
      <c r="D620" s="42"/>
      <c r="E620" s="42"/>
      <c r="F620" s="42"/>
      <c r="G620" s="42"/>
      <c r="H620" s="42"/>
      <c r="I620" s="42"/>
      <c r="J620" s="32"/>
      <c r="L620" s="73"/>
      <c r="M620" s="13" t="s">
        <v>64</v>
      </c>
      <c r="N620" s="31"/>
      <c r="P620" s="32"/>
    </row>
    <row r="621" spans="1:16" ht="16.5" customHeight="1">
      <c r="A621" s="51"/>
      <c r="B621" s="42" t="s">
        <v>596</v>
      </c>
      <c r="C621" s="42"/>
      <c r="D621" s="42"/>
      <c r="E621" s="42"/>
      <c r="F621" s="42"/>
      <c r="G621" s="42"/>
      <c r="H621" s="42"/>
      <c r="I621" s="42"/>
      <c r="J621" s="32"/>
      <c r="K621" s="90" t="s">
        <v>179</v>
      </c>
      <c r="L621" s="91" t="s">
        <v>179</v>
      </c>
      <c r="M621" s="13" t="s">
        <v>65</v>
      </c>
      <c r="N621" s="31"/>
      <c r="P621" s="32"/>
    </row>
    <row r="622" spans="1:16" ht="16.5" customHeight="1">
      <c r="A622" s="51"/>
      <c r="B622" s="42" t="s">
        <v>730</v>
      </c>
      <c r="C622" s="42"/>
      <c r="D622" s="42"/>
      <c r="E622" s="42"/>
      <c r="F622" s="42"/>
      <c r="G622" s="42"/>
      <c r="H622" s="42"/>
      <c r="I622" s="42"/>
      <c r="J622" s="32"/>
      <c r="L622" s="73"/>
      <c r="M622" s="13"/>
      <c r="N622" s="31"/>
      <c r="P622" s="32"/>
    </row>
    <row r="623" spans="1:16" ht="16.5" customHeight="1">
      <c r="A623" s="51"/>
      <c r="B623" s="42" t="s">
        <v>142</v>
      </c>
      <c r="C623" s="42"/>
      <c r="D623" s="42"/>
      <c r="E623" s="42"/>
      <c r="F623" s="42"/>
      <c r="G623" s="42"/>
      <c r="H623" s="42"/>
      <c r="I623" s="42"/>
      <c r="J623" s="32"/>
      <c r="K623" s="90" t="s">
        <v>179</v>
      </c>
      <c r="L623" s="91" t="s">
        <v>179</v>
      </c>
      <c r="M623" s="13"/>
      <c r="N623" s="31"/>
      <c r="P623" s="32"/>
    </row>
    <row r="624" spans="1:16" ht="16.5" customHeight="1">
      <c r="A624" s="51"/>
      <c r="B624" s="42" t="s">
        <v>308</v>
      </c>
      <c r="C624" s="42"/>
      <c r="D624" s="42"/>
      <c r="E624" s="42"/>
      <c r="F624" s="42"/>
      <c r="G624" s="42"/>
      <c r="H624" s="42"/>
      <c r="I624" s="42"/>
      <c r="J624" s="32"/>
      <c r="L624" s="73"/>
      <c r="M624" s="13"/>
      <c r="N624" s="31"/>
      <c r="P624" s="32"/>
    </row>
    <row r="625" spans="1:16" ht="16.5" customHeight="1">
      <c r="A625" s="51"/>
      <c r="B625" s="42" t="s">
        <v>143</v>
      </c>
      <c r="C625" s="42"/>
      <c r="D625" s="42"/>
      <c r="E625" s="42"/>
      <c r="F625" s="42"/>
      <c r="G625" s="42"/>
      <c r="H625" s="42"/>
      <c r="I625" s="42"/>
      <c r="J625" s="32"/>
      <c r="K625" s="90" t="s">
        <v>179</v>
      </c>
      <c r="L625" s="91" t="s">
        <v>179</v>
      </c>
      <c r="M625" s="13"/>
      <c r="N625" s="31"/>
      <c r="P625" s="32"/>
    </row>
    <row r="626" spans="1:16" ht="16.5" customHeight="1">
      <c r="A626" s="51"/>
      <c r="B626" s="42"/>
      <c r="C626" s="42"/>
      <c r="D626" s="42"/>
      <c r="E626" s="42"/>
      <c r="F626" s="42"/>
      <c r="G626" s="42"/>
      <c r="H626" s="42"/>
      <c r="I626" s="42"/>
      <c r="J626" s="32"/>
      <c r="L626" s="73"/>
      <c r="M626" s="13"/>
      <c r="N626" s="31"/>
      <c r="P626" s="32"/>
    </row>
    <row r="627" spans="1:16" ht="16.5" customHeight="1">
      <c r="A627" s="51" t="s">
        <v>599</v>
      </c>
      <c r="B627" s="42"/>
      <c r="C627" s="42"/>
      <c r="D627" s="42"/>
      <c r="E627" s="42"/>
      <c r="F627" s="42"/>
      <c r="G627" s="42"/>
      <c r="H627" s="42"/>
      <c r="I627" s="42"/>
      <c r="J627" s="32"/>
      <c r="L627" s="73"/>
      <c r="M627" s="13"/>
      <c r="N627" s="31"/>
      <c r="P627" s="32"/>
    </row>
    <row r="628" spans="1:16" ht="16.5" customHeight="1">
      <c r="A628" s="51"/>
      <c r="B628" s="42" t="s">
        <v>598</v>
      </c>
      <c r="C628" s="42"/>
      <c r="D628" s="42"/>
      <c r="E628" s="42"/>
      <c r="F628" s="42"/>
      <c r="G628" s="42"/>
      <c r="H628" s="42"/>
      <c r="I628" s="42"/>
      <c r="J628" s="32"/>
      <c r="K628" s="90" t="s">
        <v>179</v>
      </c>
      <c r="L628" s="91" t="s">
        <v>179</v>
      </c>
      <c r="M628" s="13"/>
      <c r="N628" s="31"/>
      <c r="P628" s="32"/>
    </row>
    <row r="629" spans="1:16" ht="16.5" customHeight="1">
      <c r="A629" s="51"/>
      <c r="B629" s="42" t="s">
        <v>597</v>
      </c>
      <c r="C629" s="42"/>
      <c r="D629" s="42"/>
      <c r="E629" s="42"/>
      <c r="F629" s="42"/>
      <c r="G629" s="42"/>
      <c r="H629" s="42"/>
      <c r="I629" s="42"/>
      <c r="J629" s="32"/>
      <c r="L629" s="73"/>
      <c r="M629" s="13"/>
      <c r="N629" s="31"/>
      <c r="P629" s="32"/>
    </row>
    <row r="630" spans="1:16" ht="16.5" customHeight="1">
      <c r="A630" s="51"/>
      <c r="B630" s="42" t="s">
        <v>142</v>
      </c>
      <c r="C630" s="42"/>
      <c r="D630" s="42"/>
      <c r="E630" s="42"/>
      <c r="F630" s="42"/>
      <c r="G630" s="42"/>
      <c r="H630" s="42"/>
      <c r="I630" s="42"/>
      <c r="J630" s="32"/>
      <c r="K630" s="90" t="s">
        <v>179</v>
      </c>
      <c r="L630" s="91" t="s">
        <v>179</v>
      </c>
      <c r="M630" s="13"/>
      <c r="N630" s="31"/>
      <c r="P630" s="32"/>
    </row>
    <row r="631" spans="1:16" ht="16.5" customHeight="1">
      <c r="A631" s="51"/>
      <c r="B631" s="42" t="s">
        <v>308</v>
      </c>
      <c r="C631" s="42"/>
      <c r="D631" s="42"/>
      <c r="E631" s="42"/>
      <c r="F631" s="42"/>
      <c r="G631" s="42"/>
      <c r="H631" s="42"/>
      <c r="I631" s="42"/>
      <c r="J631" s="32"/>
      <c r="L631" s="73"/>
      <c r="M631" s="13"/>
      <c r="N631" s="31"/>
      <c r="P631" s="32"/>
    </row>
    <row r="632" spans="1:16" ht="16.5" customHeight="1">
      <c r="A632" s="51"/>
      <c r="B632" s="42" t="s">
        <v>143</v>
      </c>
      <c r="C632" s="42"/>
      <c r="D632" s="42"/>
      <c r="E632" s="42"/>
      <c r="F632" s="42"/>
      <c r="G632" s="42"/>
      <c r="H632" s="42"/>
      <c r="I632" s="42"/>
      <c r="J632" s="32"/>
      <c r="K632" s="90" t="s">
        <v>179</v>
      </c>
      <c r="L632" s="91" t="s">
        <v>179</v>
      </c>
      <c r="M632" s="13"/>
      <c r="N632" s="31"/>
      <c r="P632" s="32"/>
    </row>
    <row r="633" spans="1:16" ht="16.5" customHeight="1">
      <c r="A633" s="51"/>
      <c r="B633" s="42"/>
      <c r="C633" s="42"/>
      <c r="D633" s="42"/>
      <c r="E633" s="42"/>
      <c r="F633" s="42"/>
      <c r="G633" s="42"/>
      <c r="H633" s="42"/>
      <c r="I633" s="42"/>
      <c r="J633" s="32"/>
      <c r="L633" s="73"/>
      <c r="M633" s="13"/>
      <c r="N633" s="31"/>
      <c r="P633" s="32"/>
    </row>
    <row r="634" spans="1:16" ht="16.5" customHeight="1">
      <c r="A634" s="51"/>
      <c r="B634" s="42"/>
      <c r="C634" s="42"/>
      <c r="D634" s="42"/>
      <c r="E634" s="42"/>
      <c r="F634" s="42"/>
      <c r="G634" s="42"/>
      <c r="H634" s="42"/>
      <c r="I634" s="42"/>
      <c r="J634" s="32"/>
      <c r="L634" s="73"/>
      <c r="M634" s="13"/>
      <c r="N634" s="31"/>
      <c r="P634" s="32"/>
    </row>
    <row r="635" spans="1:16" ht="16.5" customHeight="1">
      <c r="A635" s="51"/>
      <c r="B635" s="42"/>
      <c r="C635" s="42"/>
      <c r="D635" s="42"/>
      <c r="E635" s="42"/>
      <c r="F635" s="42"/>
      <c r="G635" s="42"/>
      <c r="H635" s="42"/>
      <c r="I635" s="42"/>
      <c r="J635" s="32"/>
      <c r="L635" s="73"/>
      <c r="M635" s="13"/>
      <c r="N635" s="31"/>
      <c r="P635" s="32"/>
    </row>
    <row r="636" spans="1:16" ht="16.5" customHeight="1">
      <c r="A636" s="51"/>
      <c r="B636" s="42"/>
      <c r="C636" s="42"/>
      <c r="D636" s="42"/>
      <c r="E636" s="42"/>
      <c r="F636" s="42"/>
      <c r="G636" s="42"/>
      <c r="H636" s="42"/>
      <c r="I636" s="42"/>
      <c r="J636" s="32"/>
      <c r="L636" s="73"/>
      <c r="M636" s="13"/>
      <c r="N636" s="31"/>
      <c r="P636" s="32"/>
    </row>
    <row r="637" spans="1:16" ht="16.5" customHeight="1">
      <c r="A637" s="51"/>
      <c r="B637" s="42"/>
      <c r="C637" s="42"/>
      <c r="D637" s="42"/>
      <c r="E637" s="42"/>
      <c r="F637" s="42"/>
      <c r="G637" s="42"/>
      <c r="H637" s="42"/>
      <c r="I637" s="42"/>
      <c r="J637" s="32"/>
      <c r="L637" s="73"/>
      <c r="M637" s="13"/>
      <c r="N637" s="31"/>
      <c r="P637" s="32"/>
    </row>
    <row r="638" spans="1:16" ht="16.5" customHeight="1">
      <c r="A638" s="51"/>
      <c r="B638" s="42"/>
      <c r="C638" s="42"/>
      <c r="D638" s="42"/>
      <c r="E638" s="42"/>
      <c r="F638" s="42"/>
      <c r="G638" s="42"/>
      <c r="H638" s="42"/>
      <c r="I638" s="42"/>
      <c r="J638" s="32"/>
      <c r="L638" s="73"/>
      <c r="M638" s="13"/>
      <c r="N638" s="31"/>
      <c r="P638" s="32"/>
    </row>
    <row r="639" spans="1:16" ht="16.5" customHeight="1">
      <c r="A639" s="51"/>
      <c r="B639" s="42"/>
      <c r="C639" s="42"/>
      <c r="D639" s="42"/>
      <c r="E639" s="42"/>
      <c r="F639" s="42"/>
      <c r="G639" s="42"/>
      <c r="H639" s="42"/>
      <c r="I639" s="42"/>
      <c r="J639" s="32"/>
      <c r="L639" s="73"/>
      <c r="M639" s="13"/>
      <c r="N639" s="31"/>
      <c r="P639" s="32"/>
    </row>
    <row r="640" spans="1:16" ht="16.5" customHeight="1">
      <c r="A640" s="51"/>
      <c r="B640" s="42"/>
      <c r="C640" s="42"/>
      <c r="D640" s="42"/>
      <c r="E640" s="42"/>
      <c r="F640" s="42"/>
      <c r="G640" s="42"/>
      <c r="H640" s="42"/>
      <c r="I640" s="42"/>
      <c r="J640" s="32"/>
      <c r="L640" s="73"/>
      <c r="M640" s="13"/>
      <c r="N640" s="31"/>
      <c r="P640" s="32"/>
    </row>
    <row r="641" spans="1:16" ht="16.5" customHeight="1">
      <c r="A641" s="51"/>
      <c r="B641" s="42"/>
      <c r="C641" s="42"/>
      <c r="D641" s="42"/>
      <c r="E641" s="42"/>
      <c r="F641" s="42"/>
      <c r="G641" s="42"/>
      <c r="H641" s="42"/>
      <c r="I641" s="42"/>
      <c r="J641" s="32"/>
      <c r="L641" s="73"/>
      <c r="M641" s="13"/>
      <c r="N641" s="31"/>
      <c r="P641" s="32"/>
    </row>
    <row r="642" spans="1:16" ht="16.5" customHeight="1">
      <c r="A642" s="51"/>
      <c r="B642" s="42"/>
      <c r="C642" s="42"/>
      <c r="D642" s="42"/>
      <c r="E642" s="42"/>
      <c r="F642" s="42"/>
      <c r="G642" s="42"/>
      <c r="H642" s="42"/>
      <c r="I642" s="42"/>
      <c r="J642" s="32"/>
      <c r="L642" s="73"/>
      <c r="M642" s="13"/>
      <c r="N642" s="31"/>
      <c r="P642" s="32"/>
    </row>
    <row r="643" spans="1:16" ht="16.5" customHeight="1">
      <c r="A643" s="51"/>
      <c r="B643" s="42"/>
      <c r="C643" s="42"/>
      <c r="D643" s="42"/>
      <c r="E643" s="42"/>
      <c r="F643" s="42"/>
      <c r="G643" s="42"/>
      <c r="H643" s="42"/>
      <c r="I643" s="42"/>
      <c r="J643" s="32"/>
      <c r="L643" s="73"/>
      <c r="M643" s="13"/>
      <c r="N643" s="31"/>
      <c r="P643" s="32"/>
    </row>
    <row r="644" spans="1:16" ht="16.5" customHeight="1">
      <c r="A644" s="51"/>
      <c r="B644" s="42"/>
      <c r="C644" s="42"/>
      <c r="D644" s="42"/>
      <c r="E644" s="42"/>
      <c r="F644" s="42"/>
      <c r="G644" s="42"/>
      <c r="H644" s="42"/>
      <c r="I644" s="42"/>
      <c r="J644" s="32"/>
      <c r="L644" s="73"/>
      <c r="M644" s="13"/>
      <c r="N644" s="31"/>
      <c r="P644" s="32"/>
    </row>
    <row r="645" spans="1:16" ht="16.5" customHeight="1">
      <c r="A645" s="51"/>
      <c r="B645" s="42"/>
      <c r="C645" s="42"/>
      <c r="D645" s="42"/>
      <c r="E645" s="42"/>
      <c r="F645" s="42"/>
      <c r="G645" s="42"/>
      <c r="H645" s="42"/>
      <c r="I645" s="42"/>
      <c r="J645" s="32"/>
      <c r="L645" s="73"/>
      <c r="M645" s="13"/>
      <c r="N645" s="31"/>
      <c r="P645" s="32"/>
    </row>
    <row r="646" spans="1:16" ht="16.5" customHeight="1">
      <c r="A646" s="51"/>
      <c r="B646" s="42"/>
      <c r="C646" s="42"/>
      <c r="D646" s="42"/>
      <c r="E646" s="42"/>
      <c r="F646" s="42"/>
      <c r="G646" s="42"/>
      <c r="H646" s="42"/>
      <c r="I646" s="42"/>
      <c r="J646" s="32"/>
      <c r="L646" s="73"/>
      <c r="M646" s="13"/>
      <c r="N646" s="31"/>
      <c r="P646" s="32"/>
    </row>
    <row r="647" spans="1:16" ht="16.5" customHeight="1">
      <c r="A647" s="51"/>
      <c r="B647" s="42"/>
      <c r="C647" s="42"/>
      <c r="D647" s="42"/>
      <c r="E647" s="42"/>
      <c r="F647" s="42"/>
      <c r="G647" s="42"/>
      <c r="H647" s="42"/>
      <c r="I647" s="42"/>
      <c r="J647" s="32"/>
      <c r="L647" s="73"/>
      <c r="M647" s="13"/>
      <c r="N647" s="31"/>
      <c r="P647" s="32"/>
    </row>
    <row r="648" spans="1:16" ht="16.5" customHeight="1">
      <c r="A648" s="51"/>
      <c r="B648" s="42"/>
      <c r="C648" s="42"/>
      <c r="D648" s="42"/>
      <c r="E648" s="42"/>
      <c r="F648" s="42"/>
      <c r="G648" s="42"/>
      <c r="H648" s="42"/>
      <c r="I648" s="42"/>
      <c r="J648" s="32"/>
      <c r="L648" s="73"/>
      <c r="M648" s="13"/>
      <c r="N648" s="31"/>
      <c r="P648" s="32"/>
    </row>
    <row r="649" spans="1:16" ht="16.5" customHeight="1">
      <c r="A649" s="61"/>
      <c r="B649" s="62"/>
      <c r="C649" s="62"/>
      <c r="D649" s="62"/>
      <c r="E649" s="62"/>
      <c r="F649" s="62"/>
      <c r="G649" s="62"/>
      <c r="H649" s="62"/>
      <c r="I649" s="62"/>
      <c r="J649" s="35"/>
      <c r="K649" s="78"/>
      <c r="L649" s="79"/>
      <c r="M649" s="14"/>
      <c r="N649" s="33"/>
      <c r="O649" s="34"/>
      <c r="P649" s="35"/>
    </row>
    <row r="650" spans="1:16" ht="16.5" customHeight="1">
      <c r="A650" s="51" t="s">
        <v>449</v>
      </c>
      <c r="B650" s="42"/>
      <c r="C650" s="42"/>
      <c r="D650" s="42"/>
      <c r="E650" s="42"/>
      <c r="F650" s="42"/>
      <c r="G650" s="42"/>
      <c r="H650" s="42"/>
      <c r="I650" s="42"/>
      <c r="J650" s="32"/>
      <c r="L650" s="73"/>
      <c r="M650" s="13" t="s">
        <v>66</v>
      </c>
      <c r="N650" s="31"/>
      <c r="P650" s="32"/>
    </row>
    <row r="651" spans="1:16" ht="16.5" customHeight="1">
      <c r="A651" s="51"/>
      <c r="B651" s="42" t="s">
        <v>496</v>
      </c>
      <c r="C651" s="42"/>
      <c r="D651" s="42"/>
      <c r="E651" s="42"/>
      <c r="F651" s="42"/>
      <c r="G651" s="42"/>
      <c r="H651" s="42"/>
      <c r="I651" s="42"/>
      <c r="J651" s="32"/>
      <c r="K651" s="90" t="s">
        <v>179</v>
      </c>
      <c r="L651" s="91" t="s">
        <v>179</v>
      </c>
      <c r="M651" s="13" t="s">
        <v>500</v>
      </c>
      <c r="N651" s="31"/>
      <c r="P651" s="32"/>
    </row>
    <row r="652" spans="1:16" ht="16.5" customHeight="1">
      <c r="A652" s="51"/>
      <c r="B652" s="42" t="s">
        <v>200</v>
      </c>
      <c r="C652" s="42"/>
      <c r="D652" s="42"/>
      <c r="E652" s="42"/>
      <c r="F652" s="42"/>
      <c r="G652" s="42"/>
      <c r="H652" s="42"/>
      <c r="I652" s="42"/>
      <c r="J652" s="32"/>
      <c r="L652" s="73"/>
      <c r="M652" s="13" t="s">
        <v>501</v>
      </c>
      <c r="N652" s="31"/>
      <c r="P652" s="32"/>
    </row>
    <row r="653" spans="1:16" ht="16.5" customHeight="1">
      <c r="A653" s="51"/>
      <c r="B653" s="42" t="s">
        <v>201</v>
      </c>
      <c r="C653" s="42"/>
      <c r="D653" s="42"/>
      <c r="E653" s="42"/>
      <c r="F653" s="42"/>
      <c r="G653" s="42"/>
      <c r="H653" s="42"/>
      <c r="I653" s="42"/>
      <c r="J653" s="32"/>
      <c r="K653" s="90" t="s">
        <v>179</v>
      </c>
      <c r="L653" s="91" t="s">
        <v>179</v>
      </c>
      <c r="M653" s="13" t="s">
        <v>502</v>
      </c>
      <c r="N653" s="31"/>
      <c r="P653" s="32"/>
    </row>
    <row r="654" spans="1:16" ht="16.5" customHeight="1">
      <c r="A654" s="51"/>
      <c r="B654" s="42" t="s">
        <v>136</v>
      </c>
      <c r="C654" s="42"/>
      <c r="D654" s="42"/>
      <c r="E654" s="42"/>
      <c r="F654" s="42"/>
      <c r="G654" s="42"/>
      <c r="H654" s="42"/>
      <c r="I654" s="42"/>
      <c r="J654" s="32"/>
      <c r="L654" s="73"/>
      <c r="M654" s="13" t="s">
        <v>67</v>
      </c>
      <c r="N654" s="31"/>
      <c r="P654" s="32"/>
    </row>
    <row r="655" spans="1:16" ht="16.5" customHeight="1">
      <c r="A655" s="51"/>
      <c r="B655" s="42" t="s">
        <v>202</v>
      </c>
      <c r="C655" s="42"/>
      <c r="D655" s="42"/>
      <c r="E655" s="42"/>
      <c r="F655" s="42"/>
      <c r="G655" s="42"/>
      <c r="H655" s="42"/>
      <c r="I655" s="42"/>
      <c r="J655" s="32"/>
      <c r="K655" s="90" t="s">
        <v>179</v>
      </c>
      <c r="L655" s="91" t="s">
        <v>179</v>
      </c>
      <c r="M655" s="13"/>
      <c r="N655" s="31"/>
      <c r="P655" s="32"/>
    </row>
    <row r="656" spans="1:16" ht="16.5" customHeight="1">
      <c r="A656" s="51"/>
      <c r="B656" s="42" t="s">
        <v>727</v>
      </c>
      <c r="C656" s="42"/>
      <c r="D656" s="42"/>
      <c r="E656" s="42"/>
      <c r="F656" s="42"/>
      <c r="G656" s="42"/>
      <c r="H656" s="42"/>
      <c r="I656" s="42"/>
      <c r="J656" s="32"/>
      <c r="L656" s="73"/>
      <c r="M656" s="13"/>
      <c r="N656" s="31"/>
      <c r="P656" s="32"/>
    </row>
    <row r="657" spans="1:16" ht="16.5" customHeight="1">
      <c r="A657" s="51"/>
      <c r="B657" s="42" t="s">
        <v>144</v>
      </c>
      <c r="C657" s="42"/>
      <c r="D657" s="42"/>
      <c r="E657" s="42"/>
      <c r="F657" s="42"/>
      <c r="G657" s="42"/>
      <c r="H657" s="42"/>
      <c r="I657" s="42"/>
      <c r="J657" s="32"/>
      <c r="K657" s="90" t="s">
        <v>179</v>
      </c>
      <c r="L657" s="91" t="s">
        <v>179</v>
      </c>
      <c r="M657" s="13"/>
      <c r="N657" s="31"/>
      <c r="P657" s="32"/>
    </row>
    <row r="658" spans="1:16" ht="16.5" customHeight="1">
      <c r="A658" s="51"/>
      <c r="B658" s="42"/>
      <c r="C658" s="42"/>
      <c r="D658" s="42"/>
      <c r="E658" s="42"/>
      <c r="F658" s="42"/>
      <c r="G658" s="42"/>
      <c r="H658" s="42"/>
      <c r="I658" s="42"/>
      <c r="J658" s="32"/>
      <c r="L658" s="73"/>
      <c r="M658" s="13"/>
      <c r="N658" s="31"/>
      <c r="P658" s="32"/>
    </row>
    <row r="659" spans="1:16" ht="16.5" customHeight="1">
      <c r="A659" s="51"/>
      <c r="B659" s="42"/>
      <c r="C659" s="42"/>
      <c r="D659" s="42"/>
      <c r="E659" s="42"/>
      <c r="F659" s="42"/>
      <c r="G659" s="42"/>
      <c r="H659" s="42"/>
      <c r="I659" s="42"/>
      <c r="J659" s="32"/>
      <c r="L659" s="73"/>
      <c r="M659" s="13"/>
      <c r="N659" s="31"/>
      <c r="P659" s="32"/>
    </row>
    <row r="660" spans="1:16" ht="16.5" customHeight="1">
      <c r="A660" s="51"/>
      <c r="B660" s="42"/>
      <c r="C660" s="42"/>
      <c r="D660" s="42"/>
      <c r="E660" s="42"/>
      <c r="F660" s="42"/>
      <c r="G660" s="42"/>
      <c r="H660" s="42"/>
      <c r="I660" s="42"/>
      <c r="J660" s="32"/>
      <c r="L660" s="73"/>
      <c r="M660" s="13"/>
      <c r="N660" s="31"/>
      <c r="P660" s="32"/>
    </row>
    <row r="661" spans="1:16" ht="16.5" customHeight="1">
      <c r="A661" s="51"/>
      <c r="B661" s="42"/>
      <c r="C661" s="42"/>
      <c r="D661" s="42"/>
      <c r="E661" s="42"/>
      <c r="F661" s="42"/>
      <c r="G661" s="42"/>
      <c r="H661" s="42"/>
      <c r="I661" s="42"/>
      <c r="J661" s="32"/>
      <c r="L661" s="73"/>
      <c r="M661" s="13"/>
      <c r="N661" s="31"/>
      <c r="P661" s="32"/>
    </row>
    <row r="662" spans="1:16" ht="16.5" customHeight="1">
      <c r="A662" s="51"/>
      <c r="B662" s="42"/>
      <c r="C662" s="42"/>
      <c r="D662" s="42"/>
      <c r="E662" s="42"/>
      <c r="F662" s="42"/>
      <c r="G662" s="42"/>
      <c r="H662" s="42"/>
      <c r="I662" s="42"/>
      <c r="J662" s="32"/>
      <c r="L662" s="73"/>
      <c r="M662" s="13"/>
      <c r="N662" s="31"/>
      <c r="P662" s="32"/>
    </row>
    <row r="663" spans="1:16" ht="16.5" customHeight="1">
      <c r="A663" s="51"/>
      <c r="B663" s="42"/>
      <c r="C663" s="42"/>
      <c r="D663" s="42"/>
      <c r="E663" s="42"/>
      <c r="F663" s="42"/>
      <c r="G663" s="42"/>
      <c r="H663" s="42"/>
      <c r="I663" s="42"/>
      <c r="J663" s="32"/>
      <c r="L663" s="73"/>
      <c r="M663" s="13"/>
      <c r="N663" s="31"/>
      <c r="P663" s="32"/>
    </row>
    <row r="664" spans="1:16" ht="16.5" customHeight="1">
      <c r="A664" s="51"/>
      <c r="B664" s="42"/>
      <c r="C664" s="42"/>
      <c r="D664" s="42"/>
      <c r="E664" s="42"/>
      <c r="F664" s="42"/>
      <c r="G664" s="42"/>
      <c r="H664" s="42"/>
      <c r="I664" s="42"/>
      <c r="J664" s="32"/>
      <c r="L664" s="73"/>
      <c r="M664" s="13"/>
      <c r="N664" s="31"/>
      <c r="P664" s="32"/>
    </row>
    <row r="665" spans="1:16" ht="16.5" customHeight="1">
      <c r="A665" s="51"/>
      <c r="B665" s="42"/>
      <c r="C665" s="42"/>
      <c r="D665" s="42"/>
      <c r="E665" s="42"/>
      <c r="F665" s="42"/>
      <c r="G665" s="42"/>
      <c r="H665" s="42"/>
      <c r="I665" s="42"/>
      <c r="J665" s="32"/>
      <c r="L665" s="73"/>
      <c r="M665" s="13"/>
      <c r="N665" s="31"/>
      <c r="P665" s="32"/>
    </row>
    <row r="666" spans="1:16" ht="16.5" customHeight="1">
      <c r="A666" s="51"/>
      <c r="B666" s="42"/>
      <c r="C666" s="42"/>
      <c r="D666" s="42"/>
      <c r="E666" s="42"/>
      <c r="F666" s="42"/>
      <c r="G666" s="42"/>
      <c r="H666" s="42"/>
      <c r="I666" s="42"/>
      <c r="J666" s="32"/>
      <c r="L666" s="73"/>
      <c r="M666" s="13"/>
      <c r="N666" s="31"/>
      <c r="P666" s="32"/>
    </row>
    <row r="667" spans="1:16" ht="16.5" customHeight="1">
      <c r="A667" s="51"/>
      <c r="B667" s="42"/>
      <c r="C667" s="42"/>
      <c r="D667" s="42"/>
      <c r="E667" s="42"/>
      <c r="F667" s="42"/>
      <c r="G667" s="42"/>
      <c r="H667" s="42"/>
      <c r="I667" s="42"/>
      <c r="J667" s="32"/>
      <c r="L667" s="73"/>
      <c r="M667" s="13"/>
      <c r="N667" s="31"/>
      <c r="P667" s="32"/>
    </row>
    <row r="668" spans="1:16" ht="16.5" customHeight="1">
      <c r="A668" s="51"/>
      <c r="B668" s="42"/>
      <c r="C668" s="42"/>
      <c r="D668" s="42"/>
      <c r="E668" s="42"/>
      <c r="F668" s="42"/>
      <c r="G668" s="42"/>
      <c r="H668" s="42"/>
      <c r="I668" s="42"/>
      <c r="J668" s="32"/>
      <c r="L668" s="73"/>
      <c r="M668" s="13"/>
      <c r="N668" s="31"/>
      <c r="P668" s="32"/>
    </row>
    <row r="669" spans="1:16" ht="16.5" customHeight="1">
      <c r="A669" s="51"/>
      <c r="B669" s="42"/>
      <c r="C669" s="42"/>
      <c r="D669" s="42"/>
      <c r="E669" s="42"/>
      <c r="F669" s="42"/>
      <c r="G669" s="42"/>
      <c r="H669" s="42"/>
      <c r="I669" s="42"/>
      <c r="J669" s="32"/>
      <c r="L669" s="73"/>
      <c r="M669" s="13"/>
      <c r="N669" s="31"/>
      <c r="P669" s="32"/>
    </row>
    <row r="670" spans="1:16" ht="16.5" customHeight="1">
      <c r="A670" s="51"/>
      <c r="B670" s="42"/>
      <c r="C670" s="42"/>
      <c r="D670" s="42"/>
      <c r="E670" s="42"/>
      <c r="F670" s="42"/>
      <c r="G670" s="42"/>
      <c r="H670" s="42"/>
      <c r="I670" s="42"/>
      <c r="J670" s="32"/>
      <c r="L670" s="73"/>
      <c r="M670" s="13"/>
      <c r="N670" s="31"/>
      <c r="P670" s="32"/>
    </row>
    <row r="671" spans="1:16" ht="16.5" customHeight="1">
      <c r="A671" s="51"/>
      <c r="B671" s="42"/>
      <c r="C671" s="42"/>
      <c r="D671" s="42"/>
      <c r="E671" s="42"/>
      <c r="F671" s="42"/>
      <c r="G671" s="42"/>
      <c r="H671" s="42"/>
      <c r="I671" s="42"/>
      <c r="J671" s="32"/>
      <c r="L671" s="73"/>
      <c r="M671" s="13"/>
      <c r="N671" s="31"/>
      <c r="P671" s="32"/>
    </row>
    <row r="672" spans="1:16" ht="16.5" customHeight="1">
      <c r="A672" s="51"/>
      <c r="B672" s="42"/>
      <c r="C672" s="42"/>
      <c r="D672" s="42"/>
      <c r="E672" s="42"/>
      <c r="F672" s="42"/>
      <c r="G672" s="42"/>
      <c r="H672" s="42"/>
      <c r="I672" s="42"/>
      <c r="J672" s="32"/>
      <c r="L672" s="73"/>
      <c r="M672" s="13"/>
      <c r="N672" s="31"/>
      <c r="P672" s="32"/>
    </row>
    <row r="673" spans="1:16" ht="16.5" customHeight="1">
      <c r="A673" s="51"/>
      <c r="B673" s="42"/>
      <c r="C673" s="42"/>
      <c r="D673" s="42"/>
      <c r="E673" s="42"/>
      <c r="F673" s="42"/>
      <c r="G673" s="42"/>
      <c r="H673" s="42"/>
      <c r="I673" s="42"/>
      <c r="J673" s="32"/>
      <c r="L673" s="73"/>
      <c r="M673" s="13"/>
      <c r="N673" s="31"/>
      <c r="P673" s="32"/>
    </row>
    <row r="674" spans="1:16" ht="16.5" customHeight="1">
      <c r="A674" s="51"/>
      <c r="B674" s="42"/>
      <c r="C674" s="42"/>
      <c r="D674" s="42"/>
      <c r="E674" s="42"/>
      <c r="F674" s="42"/>
      <c r="G674" s="42"/>
      <c r="H674" s="42"/>
      <c r="I674" s="42"/>
      <c r="J674" s="32"/>
      <c r="L674" s="73"/>
      <c r="M674" s="13"/>
      <c r="N674" s="31"/>
      <c r="P674" s="32"/>
    </row>
    <row r="675" spans="1:16" ht="16.5" customHeight="1">
      <c r="A675" s="51"/>
      <c r="B675" s="42"/>
      <c r="C675" s="42"/>
      <c r="D675" s="42"/>
      <c r="E675" s="42"/>
      <c r="F675" s="42"/>
      <c r="G675" s="42"/>
      <c r="H675" s="42"/>
      <c r="I675" s="42"/>
      <c r="J675" s="32"/>
      <c r="L675" s="73"/>
      <c r="M675" s="13"/>
      <c r="N675" s="31"/>
      <c r="P675" s="32"/>
    </row>
    <row r="676" spans="1:16" ht="16.5" customHeight="1">
      <c r="A676" s="51"/>
      <c r="B676" s="42"/>
      <c r="C676" s="42"/>
      <c r="D676" s="42"/>
      <c r="E676" s="42"/>
      <c r="F676" s="42"/>
      <c r="G676" s="42"/>
      <c r="H676" s="42"/>
      <c r="I676" s="42"/>
      <c r="J676" s="32"/>
      <c r="L676" s="73"/>
      <c r="M676" s="13"/>
      <c r="N676" s="31"/>
      <c r="P676" s="32"/>
    </row>
    <row r="677" spans="1:16" ht="16.5" customHeight="1">
      <c r="A677" s="51"/>
      <c r="B677" s="42"/>
      <c r="C677" s="42"/>
      <c r="D677" s="42"/>
      <c r="E677" s="42"/>
      <c r="F677" s="42"/>
      <c r="G677" s="42"/>
      <c r="H677" s="42"/>
      <c r="I677" s="42"/>
      <c r="J677" s="32"/>
      <c r="L677" s="73"/>
      <c r="M677" s="13"/>
      <c r="N677" s="31"/>
      <c r="P677" s="32"/>
    </row>
    <row r="678" spans="1:16" ht="16.5" customHeight="1">
      <c r="A678" s="51"/>
      <c r="B678" s="42"/>
      <c r="C678" s="42"/>
      <c r="D678" s="42"/>
      <c r="E678" s="42"/>
      <c r="F678" s="42"/>
      <c r="G678" s="42"/>
      <c r="H678" s="42"/>
      <c r="I678" s="42"/>
      <c r="J678" s="32"/>
      <c r="L678" s="73"/>
      <c r="M678" s="13"/>
      <c r="N678" s="31"/>
      <c r="P678" s="32"/>
    </row>
    <row r="679" spans="1:16" ht="16.5" customHeight="1">
      <c r="A679" s="51"/>
      <c r="B679" s="42"/>
      <c r="C679" s="42"/>
      <c r="D679" s="42"/>
      <c r="E679" s="42"/>
      <c r="F679" s="42"/>
      <c r="G679" s="42"/>
      <c r="H679" s="42"/>
      <c r="I679" s="42"/>
      <c r="J679" s="32"/>
      <c r="L679" s="73"/>
      <c r="M679" s="13"/>
      <c r="N679" s="31"/>
      <c r="P679" s="32"/>
    </row>
    <row r="680" spans="1:16" ht="16.5" customHeight="1">
      <c r="A680" s="51"/>
      <c r="B680" s="42"/>
      <c r="C680" s="42"/>
      <c r="D680" s="42"/>
      <c r="E680" s="42"/>
      <c r="F680" s="42"/>
      <c r="G680" s="42"/>
      <c r="H680" s="42"/>
      <c r="I680" s="42"/>
      <c r="J680" s="32"/>
      <c r="L680" s="73"/>
      <c r="M680" s="13"/>
      <c r="N680" s="31"/>
      <c r="P680" s="32"/>
    </row>
    <row r="681" spans="1:16" ht="16.5" customHeight="1">
      <c r="A681" s="51"/>
      <c r="B681" s="42"/>
      <c r="C681" s="42"/>
      <c r="D681" s="42"/>
      <c r="E681" s="42"/>
      <c r="F681" s="42"/>
      <c r="G681" s="42"/>
      <c r="H681" s="42"/>
      <c r="I681" s="42"/>
      <c r="J681" s="32"/>
      <c r="L681" s="73"/>
      <c r="M681" s="13"/>
      <c r="N681" s="31"/>
      <c r="P681" s="32"/>
    </row>
    <row r="682" spans="1:16" ht="16.5" customHeight="1">
      <c r="A682" s="51"/>
      <c r="B682" s="42"/>
      <c r="C682" s="42"/>
      <c r="D682" s="42"/>
      <c r="E682" s="42"/>
      <c r="F682" s="42"/>
      <c r="G682" s="42"/>
      <c r="H682" s="42"/>
      <c r="I682" s="42"/>
      <c r="J682" s="32"/>
      <c r="L682" s="73"/>
      <c r="M682" s="13"/>
      <c r="N682" s="31"/>
      <c r="P682" s="32"/>
    </row>
    <row r="683" spans="1:16" ht="16.5" customHeight="1">
      <c r="A683" s="51"/>
      <c r="B683" s="42"/>
      <c r="C683" s="42"/>
      <c r="D683" s="42"/>
      <c r="E683" s="42"/>
      <c r="F683" s="42"/>
      <c r="G683" s="42"/>
      <c r="H683" s="42"/>
      <c r="I683" s="42"/>
      <c r="J683" s="32"/>
      <c r="L683" s="73"/>
      <c r="M683" s="13"/>
      <c r="N683" s="31"/>
      <c r="P683" s="32"/>
    </row>
    <row r="684" spans="1:16" ht="16.5" customHeight="1">
      <c r="A684" s="51"/>
      <c r="B684" s="42"/>
      <c r="C684" s="42"/>
      <c r="D684" s="42"/>
      <c r="E684" s="42"/>
      <c r="F684" s="42"/>
      <c r="G684" s="42"/>
      <c r="H684" s="42"/>
      <c r="I684" s="42"/>
      <c r="J684" s="32"/>
      <c r="L684" s="73"/>
      <c r="M684" s="13"/>
      <c r="N684" s="31"/>
      <c r="P684" s="32"/>
    </row>
    <row r="685" spans="1:16" ht="16.5" customHeight="1">
      <c r="A685" s="51"/>
      <c r="B685" s="42"/>
      <c r="C685" s="42"/>
      <c r="D685" s="42"/>
      <c r="E685" s="42"/>
      <c r="F685" s="42"/>
      <c r="G685" s="42"/>
      <c r="H685" s="42"/>
      <c r="I685" s="42"/>
      <c r="J685" s="32"/>
      <c r="L685" s="73"/>
      <c r="M685" s="13"/>
      <c r="N685" s="31"/>
      <c r="P685" s="32"/>
    </row>
    <row r="686" spans="1:16" ht="16.5" customHeight="1">
      <c r="A686" s="51"/>
      <c r="B686" s="42"/>
      <c r="C686" s="42"/>
      <c r="D686" s="42"/>
      <c r="E686" s="42"/>
      <c r="F686" s="42"/>
      <c r="G686" s="42"/>
      <c r="H686" s="42"/>
      <c r="I686" s="42"/>
      <c r="J686" s="32"/>
      <c r="L686" s="73"/>
      <c r="M686" s="13"/>
      <c r="N686" s="31"/>
      <c r="P686" s="32"/>
    </row>
    <row r="687" spans="1:16" ht="16.5" customHeight="1">
      <c r="A687" s="51"/>
      <c r="B687" s="42"/>
      <c r="C687" s="42"/>
      <c r="D687" s="42"/>
      <c r="E687" s="42"/>
      <c r="F687" s="42"/>
      <c r="G687" s="42"/>
      <c r="H687" s="42"/>
      <c r="I687" s="42"/>
      <c r="J687" s="32"/>
      <c r="L687" s="73"/>
      <c r="M687" s="13"/>
      <c r="N687" s="31"/>
      <c r="P687" s="32"/>
    </row>
    <row r="688" spans="1:16" ht="16.5" customHeight="1">
      <c r="A688" s="51"/>
      <c r="B688" s="42"/>
      <c r="C688" s="42"/>
      <c r="D688" s="42"/>
      <c r="E688" s="42"/>
      <c r="F688" s="42"/>
      <c r="G688" s="42"/>
      <c r="H688" s="42"/>
      <c r="I688" s="42"/>
      <c r="J688" s="32"/>
      <c r="L688" s="73"/>
      <c r="M688" s="13"/>
      <c r="N688" s="31"/>
      <c r="P688" s="32"/>
    </row>
    <row r="689" spans="1:16" ht="16.5" customHeight="1">
      <c r="A689" s="51"/>
      <c r="B689" s="42"/>
      <c r="C689" s="42"/>
      <c r="D689" s="42"/>
      <c r="E689" s="42"/>
      <c r="F689" s="42"/>
      <c r="G689" s="42"/>
      <c r="H689" s="42"/>
      <c r="I689" s="42"/>
      <c r="J689" s="32"/>
      <c r="L689" s="73"/>
      <c r="M689" s="13"/>
      <c r="N689" s="31"/>
      <c r="P689" s="32"/>
    </row>
    <row r="690" spans="1:16" ht="16.5" customHeight="1">
      <c r="A690" s="51"/>
      <c r="B690" s="42"/>
      <c r="C690" s="42"/>
      <c r="D690" s="42"/>
      <c r="E690" s="42"/>
      <c r="F690" s="42"/>
      <c r="G690" s="42"/>
      <c r="H690" s="42"/>
      <c r="I690" s="42"/>
      <c r="J690" s="32"/>
      <c r="L690" s="73"/>
      <c r="M690" s="13"/>
      <c r="N690" s="31"/>
      <c r="P690" s="32"/>
    </row>
    <row r="691" spans="1:16" ht="16.5" customHeight="1">
      <c r="A691" s="51"/>
      <c r="B691" s="42"/>
      <c r="C691" s="42"/>
      <c r="D691" s="42"/>
      <c r="E691" s="42"/>
      <c r="F691" s="42"/>
      <c r="G691" s="42"/>
      <c r="H691" s="42"/>
      <c r="I691" s="42"/>
      <c r="J691" s="32"/>
      <c r="L691" s="73"/>
      <c r="M691" s="13"/>
      <c r="N691" s="31"/>
      <c r="P691" s="32"/>
    </row>
    <row r="692" spans="1:16" ht="16.5" customHeight="1">
      <c r="A692" s="51"/>
      <c r="B692" s="42"/>
      <c r="C692" s="42"/>
      <c r="D692" s="42"/>
      <c r="E692" s="42"/>
      <c r="F692" s="42"/>
      <c r="G692" s="42"/>
      <c r="H692" s="42"/>
      <c r="I692" s="42"/>
      <c r="J692" s="32"/>
      <c r="L692" s="73"/>
      <c r="M692" s="13"/>
      <c r="N692" s="31"/>
      <c r="P692" s="32"/>
    </row>
    <row r="693" spans="1:16" ht="16.5" customHeight="1">
      <c r="A693" s="51"/>
      <c r="B693" s="42"/>
      <c r="C693" s="42"/>
      <c r="D693" s="42"/>
      <c r="E693" s="42"/>
      <c r="F693" s="42"/>
      <c r="G693" s="42"/>
      <c r="H693" s="42"/>
      <c r="I693" s="42"/>
      <c r="J693" s="32"/>
      <c r="L693" s="73"/>
      <c r="M693" s="13"/>
      <c r="N693" s="31"/>
      <c r="P693" s="32"/>
    </row>
    <row r="694" spans="1:16" ht="16.5" customHeight="1">
      <c r="A694" s="51"/>
      <c r="B694" s="42"/>
      <c r="C694" s="42"/>
      <c r="D694" s="42"/>
      <c r="E694" s="42"/>
      <c r="F694" s="42"/>
      <c r="G694" s="42"/>
      <c r="H694" s="42"/>
      <c r="I694" s="42"/>
      <c r="J694" s="32"/>
      <c r="L694" s="73"/>
      <c r="M694" s="13"/>
      <c r="N694" s="31"/>
      <c r="P694" s="32"/>
    </row>
    <row r="695" spans="1:16" ht="16.5" customHeight="1">
      <c r="A695" s="51"/>
      <c r="B695" s="42"/>
      <c r="C695" s="42"/>
      <c r="D695" s="42"/>
      <c r="E695" s="42"/>
      <c r="F695" s="42"/>
      <c r="G695" s="42"/>
      <c r="H695" s="42"/>
      <c r="I695" s="42"/>
      <c r="J695" s="32"/>
      <c r="L695" s="73"/>
      <c r="M695" s="13"/>
      <c r="N695" s="31"/>
      <c r="P695" s="32"/>
    </row>
    <row r="696" spans="1:16" ht="16.5" customHeight="1">
      <c r="A696" s="51"/>
      <c r="B696" s="42"/>
      <c r="C696" s="42"/>
      <c r="D696" s="42"/>
      <c r="E696" s="42"/>
      <c r="F696" s="42"/>
      <c r="G696" s="42"/>
      <c r="H696" s="42"/>
      <c r="I696" s="42"/>
      <c r="J696" s="32"/>
      <c r="L696" s="73"/>
      <c r="M696" s="13"/>
      <c r="N696" s="31"/>
      <c r="P696" s="32"/>
    </row>
    <row r="697" spans="1:16" ht="16.5" customHeight="1">
      <c r="A697" s="51"/>
      <c r="B697" s="42"/>
      <c r="C697" s="42"/>
      <c r="D697" s="42"/>
      <c r="E697" s="42"/>
      <c r="F697" s="42"/>
      <c r="G697" s="42"/>
      <c r="H697" s="42"/>
      <c r="I697" s="42"/>
      <c r="J697" s="32"/>
      <c r="L697" s="73"/>
      <c r="M697" s="13"/>
      <c r="N697" s="31"/>
      <c r="P697" s="32"/>
    </row>
    <row r="698" spans="1:16" ht="16.5" customHeight="1">
      <c r="A698" s="51"/>
      <c r="B698" s="42"/>
      <c r="C698" s="42"/>
      <c r="D698" s="42"/>
      <c r="E698" s="42"/>
      <c r="F698" s="42"/>
      <c r="G698" s="42"/>
      <c r="H698" s="42"/>
      <c r="I698" s="42"/>
      <c r="J698" s="32"/>
      <c r="L698" s="73"/>
      <c r="M698" s="13"/>
      <c r="N698" s="31"/>
      <c r="P698" s="32"/>
    </row>
    <row r="699" spans="1:16" ht="16.5" customHeight="1">
      <c r="A699" s="51"/>
      <c r="B699" s="42"/>
      <c r="C699" s="42"/>
      <c r="D699" s="42"/>
      <c r="E699" s="42"/>
      <c r="F699" s="42"/>
      <c r="G699" s="42"/>
      <c r="H699" s="42"/>
      <c r="I699" s="42"/>
      <c r="J699" s="32"/>
      <c r="L699" s="73"/>
      <c r="M699" s="13"/>
      <c r="N699" s="31"/>
      <c r="P699" s="32"/>
    </row>
    <row r="700" spans="1:16" ht="16.5" customHeight="1">
      <c r="A700" s="51"/>
      <c r="B700" s="42"/>
      <c r="C700" s="42"/>
      <c r="D700" s="42"/>
      <c r="E700" s="42"/>
      <c r="F700" s="42"/>
      <c r="G700" s="42"/>
      <c r="H700" s="42"/>
      <c r="I700" s="42"/>
      <c r="J700" s="32"/>
      <c r="L700" s="73"/>
      <c r="M700" s="13"/>
      <c r="N700" s="31"/>
      <c r="P700" s="32"/>
    </row>
    <row r="701" spans="1:16" ht="16.5" customHeight="1">
      <c r="A701" s="51"/>
      <c r="B701" s="42"/>
      <c r="C701" s="42"/>
      <c r="D701" s="42"/>
      <c r="E701" s="42"/>
      <c r="F701" s="42"/>
      <c r="G701" s="42"/>
      <c r="H701" s="42"/>
      <c r="I701" s="42"/>
      <c r="J701" s="32"/>
      <c r="L701" s="73"/>
      <c r="M701" s="13"/>
      <c r="N701" s="31"/>
      <c r="P701" s="32"/>
    </row>
    <row r="702" spans="1:16" ht="16.5" customHeight="1">
      <c r="A702" s="51"/>
      <c r="B702" s="42"/>
      <c r="C702" s="42"/>
      <c r="D702" s="42"/>
      <c r="E702" s="42"/>
      <c r="F702" s="42"/>
      <c r="G702" s="42"/>
      <c r="H702" s="42"/>
      <c r="I702" s="42"/>
      <c r="J702" s="32"/>
      <c r="L702" s="73"/>
      <c r="M702" s="13"/>
      <c r="N702" s="31"/>
      <c r="P702" s="32"/>
    </row>
    <row r="703" spans="1:16" ht="16.5" customHeight="1">
      <c r="A703" s="51"/>
      <c r="B703" s="42"/>
      <c r="C703" s="42"/>
      <c r="D703" s="42"/>
      <c r="E703" s="42"/>
      <c r="F703" s="42"/>
      <c r="G703" s="42"/>
      <c r="H703" s="42"/>
      <c r="I703" s="42"/>
      <c r="J703" s="32"/>
      <c r="L703" s="73"/>
      <c r="M703" s="13"/>
      <c r="N703" s="31"/>
      <c r="P703" s="32"/>
    </row>
    <row r="704" spans="1:16" ht="16.5" customHeight="1">
      <c r="A704" s="51"/>
      <c r="B704" s="42"/>
      <c r="C704" s="42"/>
      <c r="D704" s="42"/>
      <c r="E704" s="42"/>
      <c r="F704" s="42"/>
      <c r="G704" s="42"/>
      <c r="H704" s="42"/>
      <c r="I704" s="42"/>
      <c r="J704" s="32"/>
      <c r="L704" s="73"/>
      <c r="M704" s="13"/>
      <c r="N704" s="31"/>
      <c r="P704" s="32"/>
    </row>
    <row r="705" spans="1:16" ht="16.5" customHeight="1">
      <c r="A705" s="51"/>
      <c r="B705" s="42"/>
      <c r="C705" s="42"/>
      <c r="D705" s="42"/>
      <c r="E705" s="42"/>
      <c r="F705" s="42"/>
      <c r="G705" s="42"/>
      <c r="H705" s="42"/>
      <c r="I705" s="42"/>
      <c r="J705" s="32"/>
      <c r="L705" s="73"/>
      <c r="M705" s="13"/>
      <c r="N705" s="31"/>
      <c r="P705" s="32"/>
    </row>
    <row r="706" spans="1:16" ht="16.5" customHeight="1">
      <c r="A706" s="51"/>
      <c r="B706" s="42"/>
      <c r="C706" s="42"/>
      <c r="D706" s="42"/>
      <c r="E706" s="42"/>
      <c r="F706" s="42"/>
      <c r="G706" s="42"/>
      <c r="H706" s="42"/>
      <c r="I706" s="42"/>
      <c r="J706" s="32"/>
      <c r="L706" s="73"/>
      <c r="M706" s="13"/>
      <c r="N706" s="31"/>
      <c r="P706" s="32"/>
    </row>
    <row r="707" spans="1:16" ht="16.5" customHeight="1">
      <c r="A707" s="51"/>
      <c r="B707" s="42"/>
      <c r="C707" s="42"/>
      <c r="D707" s="42"/>
      <c r="E707" s="42"/>
      <c r="F707" s="42"/>
      <c r="G707" s="42"/>
      <c r="H707" s="42"/>
      <c r="I707" s="42"/>
      <c r="J707" s="32"/>
      <c r="L707" s="73"/>
      <c r="M707" s="13"/>
      <c r="N707" s="31"/>
      <c r="P707" s="32"/>
    </row>
    <row r="708" spans="1:16" ht="16.5" customHeight="1">
      <c r="A708" s="51"/>
      <c r="B708" s="42"/>
      <c r="C708" s="42"/>
      <c r="D708" s="42"/>
      <c r="E708" s="42"/>
      <c r="F708" s="42"/>
      <c r="G708" s="42"/>
      <c r="H708" s="42"/>
      <c r="I708" s="42"/>
      <c r="J708" s="32"/>
      <c r="L708" s="73"/>
      <c r="M708" s="13"/>
      <c r="N708" s="31"/>
      <c r="P708" s="32"/>
    </row>
    <row r="709" spans="1:16" ht="16.5" customHeight="1">
      <c r="A709" s="51"/>
      <c r="B709" s="42"/>
      <c r="C709" s="42"/>
      <c r="D709" s="42"/>
      <c r="E709" s="42"/>
      <c r="F709" s="42"/>
      <c r="G709" s="42"/>
      <c r="H709" s="42"/>
      <c r="I709" s="42"/>
      <c r="J709" s="32"/>
      <c r="L709" s="73"/>
      <c r="M709" s="13"/>
      <c r="N709" s="31"/>
      <c r="P709" s="32"/>
    </row>
    <row r="710" spans="1:16" ht="16.5" customHeight="1">
      <c r="A710" s="51"/>
      <c r="B710" s="42"/>
      <c r="C710" s="42"/>
      <c r="D710" s="42"/>
      <c r="E710" s="42"/>
      <c r="F710" s="42"/>
      <c r="G710" s="42"/>
      <c r="H710" s="42"/>
      <c r="I710" s="42"/>
      <c r="J710" s="32"/>
      <c r="L710" s="73"/>
      <c r="M710" s="13"/>
      <c r="N710" s="31"/>
      <c r="P710" s="32"/>
    </row>
    <row r="711" spans="1:16" ht="16.5" customHeight="1">
      <c r="A711" s="51"/>
      <c r="B711" s="42"/>
      <c r="C711" s="42"/>
      <c r="D711" s="42"/>
      <c r="E711" s="42"/>
      <c r="F711" s="42"/>
      <c r="G711" s="42"/>
      <c r="H711" s="42"/>
      <c r="I711" s="42"/>
      <c r="J711" s="32"/>
      <c r="L711" s="73"/>
      <c r="M711" s="13"/>
      <c r="N711" s="31"/>
      <c r="P711" s="32"/>
    </row>
    <row r="712" spans="1:16" ht="16.5" customHeight="1">
      <c r="A712" s="51"/>
      <c r="B712" s="42"/>
      <c r="C712" s="42"/>
      <c r="D712" s="42"/>
      <c r="E712" s="42"/>
      <c r="F712" s="42"/>
      <c r="G712" s="42"/>
      <c r="H712" s="42"/>
      <c r="I712" s="42"/>
      <c r="J712" s="32"/>
      <c r="L712" s="73"/>
      <c r="M712" s="13"/>
      <c r="N712" s="31"/>
      <c r="P712" s="32"/>
    </row>
    <row r="713" spans="1:16" ht="16.5" customHeight="1">
      <c r="A713" s="61"/>
      <c r="B713" s="62"/>
      <c r="C713" s="62"/>
      <c r="D713" s="62"/>
      <c r="E713" s="62"/>
      <c r="F713" s="62"/>
      <c r="G713" s="62"/>
      <c r="H713" s="62"/>
      <c r="I713" s="62"/>
      <c r="J713" s="35"/>
      <c r="K713" s="78"/>
      <c r="L713" s="79"/>
      <c r="M713" s="14"/>
      <c r="N713" s="33"/>
      <c r="O713" s="34"/>
      <c r="P713" s="35"/>
    </row>
    <row r="714" spans="1:16" ht="16.5" customHeight="1">
      <c r="A714" s="51" t="s">
        <v>450</v>
      </c>
      <c r="B714" s="42"/>
      <c r="C714" s="42"/>
      <c r="D714" s="42"/>
      <c r="E714" s="42"/>
      <c r="F714" s="42"/>
      <c r="G714" s="42"/>
      <c r="H714" s="42"/>
      <c r="I714" s="42"/>
      <c r="J714" s="32"/>
      <c r="L714" s="73"/>
      <c r="M714" s="13"/>
      <c r="N714" s="31"/>
      <c r="P714" s="32"/>
    </row>
    <row r="715" spans="1:16" ht="16.5" customHeight="1">
      <c r="A715" s="51"/>
      <c r="B715" s="42" t="s">
        <v>145</v>
      </c>
      <c r="C715" s="42"/>
      <c r="D715" s="42"/>
      <c r="E715" s="42"/>
      <c r="F715" s="42"/>
      <c r="G715" s="42"/>
      <c r="H715" s="42"/>
      <c r="I715" s="42"/>
      <c r="J715" s="32"/>
      <c r="K715" s="90" t="s">
        <v>179</v>
      </c>
      <c r="L715" s="91" t="s">
        <v>179</v>
      </c>
      <c r="M715" s="13"/>
      <c r="N715" s="31"/>
      <c r="P715" s="32"/>
    </row>
    <row r="716" spans="1:16" ht="16.5" customHeight="1">
      <c r="A716" s="51"/>
      <c r="B716" s="42" t="s">
        <v>146</v>
      </c>
      <c r="C716" s="42"/>
      <c r="D716" s="42"/>
      <c r="E716" s="42"/>
      <c r="F716" s="42"/>
      <c r="G716" s="42"/>
      <c r="H716" s="42"/>
      <c r="I716" s="42"/>
      <c r="J716" s="32"/>
      <c r="K716" s="90" t="s">
        <v>179</v>
      </c>
      <c r="L716" s="91" t="s">
        <v>179</v>
      </c>
      <c r="M716" s="13"/>
      <c r="N716" s="31"/>
      <c r="P716" s="32"/>
    </row>
    <row r="717" spans="1:16" ht="16.5" customHeight="1">
      <c r="A717" s="61"/>
      <c r="B717" s="62"/>
      <c r="C717" s="62"/>
      <c r="D717" s="62"/>
      <c r="E717" s="62"/>
      <c r="F717" s="62"/>
      <c r="G717" s="62"/>
      <c r="H717" s="62"/>
      <c r="I717" s="62"/>
      <c r="J717" s="35"/>
      <c r="K717" s="78"/>
      <c r="L717" s="79"/>
      <c r="M717" s="14"/>
      <c r="N717" s="33"/>
      <c r="O717" s="34"/>
      <c r="P717" s="35"/>
    </row>
    <row r="718" spans="1:16" ht="16.5" customHeight="1">
      <c r="A718" s="51" t="s">
        <v>451</v>
      </c>
      <c r="B718" s="42"/>
      <c r="C718" s="42"/>
      <c r="D718" s="42"/>
      <c r="E718" s="42"/>
      <c r="F718" s="42"/>
      <c r="G718" s="42"/>
      <c r="H718" s="42"/>
      <c r="I718" s="42"/>
      <c r="J718" s="32"/>
      <c r="L718" s="73"/>
      <c r="M718" s="13" t="s">
        <v>68</v>
      </c>
      <c r="N718" s="31"/>
      <c r="P718" s="32"/>
    </row>
    <row r="719" spans="1:16" ht="16.5" customHeight="1">
      <c r="A719" s="51"/>
      <c r="B719" s="42" t="s">
        <v>203</v>
      </c>
      <c r="C719" s="42"/>
      <c r="D719" s="42"/>
      <c r="E719" s="42"/>
      <c r="F719" s="42"/>
      <c r="G719" s="42"/>
      <c r="H719" s="42"/>
      <c r="I719" s="42"/>
      <c r="J719" s="32"/>
      <c r="K719" s="90" t="s">
        <v>179</v>
      </c>
      <c r="L719" s="91" t="s">
        <v>179</v>
      </c>
      <c r="M719" s="13" t="s">
        <v>69</v>
      </c>
      <c r="N719" s="31"/>
      <c r="P719" s="32"/>
    </row>
    <row r="720" spans="1:16" ht="16.5" customHeight="1">
      <c r="A720" s="51"/>
      <c r="B720" s="42" t="s">
        <v>204</v>
      </c>
      <c r="C720" s="42"/>
      <c r="D720" s="42"/>
      <c r="E720" s="42"/>
      <c r="F720" s="42"/>
      <c r="G720" s="42"/>
      <c r="H720" s="42"/>
      <c r="I720" s="42"/>
      <c r="J720" s="32"/>
      <c r="K720" s="90" t="s">
        <v>179</v>
      </c>
      <c r="L720" s="91" t="s">
        <v>179</v>
      </c>
      <c r="M720" s="13"/>
      <c r="N720" s="31"/>
      <c r="P720" s="32"/>
    </row>
    <row r="721" spans="1:16" ht="16.5" customHeight="1">
      <c r="A721" s="51"/>
      <c r="B721" s="42"/>
      <c r="C721" s="42"/>
      <c r="D721" s="42"/>
      <c r="E721" s="42"/>
      <c r="F721" s="42"/>
      <c r="G721" s="42"/>
      <c r="H721" s="42"/>
      <c r="I721" s="42"/>
      <c r="J721" s="32"/>
      <c r="L721" s="73"/>
      <c r="M721" s="13"/>
      <c r="N721" s="31"/>
      <c r="P721" s="32"/>
    </row>
    <row r="722" spans="1:16" ht="16.5" customHeight="1">
      <c r="A722" s="51"/>
      <c r="B722" s="42"/>
      <c r="C722" s="42"/>
      <c r="D722" s="42"/>
      <c r="E722" s="42"/>
      <c r="F722" s="42"/>
      <c r="G722" s="42"/>
      <c r="H722" s="42"/>
      <c r="I722" s="42"/>
      <c r="J722" s="32"/>
      <c r="L722" s="73"/>
      <c r="M722" s="13"/>
      <c r="N722" s="31"/>
      <c r="P722" s="32"/>
    </row>
    <row r="723" spans="1:16" ht="16.5" customHeight="1">
      <c r="A723" s="61"/>
      <c r="B723" s="62"/>
      <c r="C723" s="62"/>
      <c r="D723" s="62"/>
      <c r="E723" s="62"/>
      <c r="F723" s="62"/>
      <c r="G723" s="62"/>
      <c r="H723" s="62"/>
      <c r="I723" s="62"/>
      <c r="J723" s="35"/>
      <c r="K723" s="78"/>
      <c r="L723" s="79"/>
      <c r="M723" s="14"/>
      <c r="N723" s="33"/>
      <c r="O723" s="34"/>
      <c r="P723" s="35"/>
    </row>
    <row r="724" spans="1:16" ht="16.5" customHeight="1">
      <c r="A724" s="51" t="s">
        <v>452</v>
      </c>
      <c r="B724" s="42"/>
      <c r="C724" s="42"/>
      <c r="D724" s="42"/>
      <c r="E724" s="42"/>
      <c r="F724" s="42"/>
      <c r="G724" s="42"/>
      <c r="H724" s="42"/>
      <c r="I724" s="42"/>
      <c r="J724" s="32"/>
      <c r="L724" s="73"/>
      <c r="M724" s="13" t="s">
        <v>70</v>
      </c>
      <c r="N724" s="31"/>
      <c r="P724" s="32"/>
    </row>
    <row r="725" spans="1:16" ht="16.5" customHeight="1">
      <c r="A725" s="51"/>
      <c r="B725" s="42" t="s">
        <v>147</v>
      </c>
      <c r="C725" s="42"/>
      <c r="D725" s="42"/>
      <c r="E725" s="42"/>
      <c r="F725" s="42"/>
      <c r="G725" s="42"/>
      <c r="H725" s="42"/>
      <c r="I725" s="42"/>
      <c r="J725" s="32"/>
      <c r="K725" s="90" t="s">
        <v>179</v>
      </c>
      <c r="L725" s="91" t="s">
        <v>179</v>
      </c>
      <c r="M725" s="13" t="s">
        <v>71</v>
      </c>
      <c r="N725" s="31"/>
      <c r="P725" s="32"/>
    </row>
    <row r="726" spans="1:16" ht="16.5" customHeight="1">
      <c r="A726" s="51"/>
      <c r="B726" s="42" t="s">
        <v>148</v>
      </c>
      <c r="C726" s="42"/>
      <c r="D726" s="42"/>
      <c r="E726" s="42"/>
      <c r="F726" s="42"/>
      <c r="G726" s="42"/>
      <c r="H726" s="42"/>
      <c r="I726" s="42"/>
      <c r="J726" s="32"/>
      <c r="K726" s="90" t="s">
        <v>179</v>
      </c>
      <c r="L726" s="91" t="s">
        <v>179</v>
      </c>
      <c r="M726" s="13" t="s">
        <v>72</v>
      </c>
      <c r="N726" s="31"/>
      <c r="P726" s="32"/>
    </row>
    <row r="727" spans="1:16" ht="16.5" customHeight="1">
      <c r="A727" s="51"/>
      <c r="B727" s="42" t="s">
        <v>205</v>
      </c>
      <c r="C727" s="42"/>
      <c r="D727" s="42"/>
      <c r="E727" s="42"/>
      <c r="F727" s="42"/>
      <c r="G727" s="42"/>
      <c r="H727" s="42"/>
      <c r="I727" s="42"/>
      <c r="J727" s="32"/>
      <c r="K727" s="90" t="s">
        <v>179</v>
      </c>
      <c r="L727" s="91" t="s">
        <v>179</v>
      </c>
      <c r="M727" s="13"/>
      <c r="N727" s="31"/>
      <c r="P727" s="32"/>
    </row>
    <row r="728" spans="1:16" ht="16.5" customHeight="1">
      <c r="A728" s="51"/>
      <c r="B728" s="42"/>
      <c r="C728" s="42"/>
      <c r="D728" s="42"/>
      <c r="E728" s="42"/>
      <c r="F728" s="42"/>
      <c r="G728" s="42"/>
      <c r="H728" s="42"/>
      <c r="I728" s="42"/>
      <c r="J728" s="32"/>
      <c r="L728" s="73"/>
      <c r="M728" s="13"/>
      <c r="N728" s="31"/>
      <c r="P728" s="32"/>
    </row>
    <row r="729" spans="1:16" ht="16.5" customHeight="1">
      <c r="A729" s="51"/>
      <c r="B729" s="42"/>
      <c r="C729" s="42"/>
      <c r="D729" s="42"/>
      <c r="E729" s="42"/>
      <c r="F729" s="42"/>
      <c r="G729" s="42"/>
      <c r="H729" s="42"/>
      <c r="I729" s="42"/>
      <c r="J729" s="32"/>
      <c r="L729" s="73"/>
      <c r="M729" s="13"/>
      <c r="N729" s="31"/>
      <c r="P729" s="32"/>
    </row>
    <row r="730" spans="1:16" ht="16.5" customHeight="1">
      <c r="A730" s="51"/>
      <c r="B730" s="42"/>
      <c r="C730" s="42"/>
      <c r="D730" s="42"/>
      <c r="E730" s="42"/>
      <c r="F730" s="42"/>
      <c r="G730" s="42"/>
      <c r="H730" s="42"/>
      <c r="I730" s="42"/>
      <c r="J730" s="32"/>
      <c r="L730" s="73"/>
      <c r="M730" s="13"/>
      <c r="N730" s="31"/>
      <c r="P730" s="32"/>
    </row>
    <row r="731" spans="1:16" ht="16.5" customHeight="1">
      <c r="A731" s="51"/>
      <c r="B731" s="42"/>
      <c r="C731" s="42"/>
      <c r="D731" s="42"/>
      <c r="E731" s="42"/>
      <c r="F731" s="42"/>
      <c r="G731" s="42"/>
      <c r="H731" s="42"/>
      <c r="I731" s="42"/>
      <c r="J731" s="32"/>
      <c r="L731" s="73"/>
      <c r="M731" s="13"/>
      <c r="N731" s="31"/>
      <c r="P731" s="32"/>
    </row>
    <row r="732" spans="1:16" ht="16.5" customHeight="1">
      <c r="A732" s="51"/>
      <c r="B732" s="42"/>
      <c r="C732" s="42"/>
      <c r="D732" s="42"/>
      <c r="E732" s="42"/>
      <c r="F732" s="42"/>
      <c r="G732" s="42"/>
      <c r="H732" s="42"/>
      <c r="I732" s="42"/>
      <c r="J732" s="32"/>
      <c r="L732" s="73"/>
      <c r="M732" s="13"/>
      <c r="N732" s="31"/>
      <c r="P732" s="32"/>
    </row>
    <row r="733" spans="1:16" ht="16.5" customHeight="1">
      <c r="A733" s="51"/>
      <c r="B733" s="42"/>
      <c r="C733" s="42"/>
      <c r="D733" s="42"/>
      <c r="E733" s="42"/>
      <c r="F733" s="42"/>
      <c r="G733" s="42"/>
      <c r="H733" s="42"/>
      <c r="I733" s="42"/>
      <c r="J733" s="32"/>
      <c r="L733" s="73"/>
      <c r="M733" s="13"/>
      <c r="N733" s="31"/>
      <c r="P733" s="32"/>
    </row>
    <row r="734" spans="1:16" ht="16.5" customHeight="1">
      <c r="A734" s="51"/>
      <c r="B734" s="42"/>
      <c r="C734" s="42"/>
      <c r="D734" s="42"/>
      <c r="E734" s="42"/>
      <c r="F734" s="42"/>
      <c r="G734" s="42"/>
      <c r="H734" s="42"/>
      <c r="I734" s="42"/>
      <c r="J734" s="32"/>
      <c r="L734" s="73"/>
      <c r="M734" s="13"/>
      <c r="N734" s="31"/>
      <c r="P734" s="32"/>
    </row>
    <row r="735" spans="1:16" ht="16.5" customHeight="1">
      <c r="A735" s="51"/>
      <c r="B735" s="42"/>
      <c r="C735" s="42"/>
      <c r="D735" s="42"/>
      <c r="E735" s="42"/>
      <c r="F735" s="42"/>
      <c r="G735" s="42"/>
      <c r="H735" s="42"/>
      <c r="I735" s="42"/>
      <c r="J735" s="32"/>
      <c r="L735" s="73"/>
      <c r="M735" s="13"/>
      <c r="N735" s="31"/>
      <c r="P735" s="32"/>
    </row>
    <row r="736" spans="1:16" ht="16.5" customHeight="1">
      <c r="A736" s="51"/>
      <c r="B736" s="42"/>
      <c r="C736" s="42"/>
      <c r="D736" s="42"/>
      <c r="E736" s="42"/>
      <c r="F736" s="42"/>
      <c r="G736" s="42"/>
      <c r="H736" s="42"/>
      <c r="I736" s="42"/>
      <c r="J736" s="32"/>
      <c r="L736" s="73"/>
      <c r="M736" s="13"/>
      <c r="N736" s="31"/>
      <c r="P736" s="32"/>
    </row>
    <row r="737" spans="1:16" ht="16.5" customHeight="1">
      <c r="A737" s="49" t="s">
        <v>453</v>
      </c>
      <c r="B737" s="50"/>
      <c r="C737" s="50"/>
      <c r="D737" s="50"/>
      <c r="E737" s="50"/>
      <c r="F737" s="50"/>
      <c r="G737" s="50"/>
      <c r="H737" s="50"/>
      <c r="I737" s="50"/>
      <c r="J737" s="30"/>
      <c r="K737" s="76"/>
      <c r="L737" s="77"/>
      <c r="M737" s="12"/>
      <c r="N737" s="28"/>
      <c r="O737" s="29"/>
      <c r="P737" s="30"/>
    </row>
    <row r="738" spans="1:16" ht="16.5" customHeight="1">
      <c r="A738" s="51"/>
      <c r="B738" s="42" t="s">
        <v>511</v>
      </c>
      <c r="C738" s="42"/>
      <c r="D738" s="42"/>
      <c r="E738" s="42"/>
      <c r="F738" s="42"/>
      <c r="G738" s="42"/>
      <c r="H738" s="42"/>
      <c r="I738" s="42"/>
      <c r="J738" s="32"/>
      <c r="K738" s="90" t="s">
        <v>179</v>
      </c>
      <c r="L738" s="91" t="s">
        <v>179</v>
      </c>
      <c r="M738" s="13"/>
      <c r="N738" s="31"/>
      <c r="P738" s="32"/>
    </row>
    <row r="739" spans="1:16" ht="16.5" customHeight="1">
      <c r="A739" s="51"/>
      <c r="B739" s="42" t="s">
        <v>512</v>
      </c>
      <c r="C739" s="42"/>
      <c r="D739" s="42"/>
      <c r="E739" s="42"/>
      <c r="F739" s="42"/>
      <c r="G739" s="42"/>
      <c r="H739" s="42"/>
      <c r="I739" s="42"/>
      <c r="J739" s="32"/>
      <c r="L739" s="73"/>
      <c r="M739" s="13"/>
      <c r="N739" s="31"/>
      <c r="P739" s="32"/>
    </row>
    <row r="740" spans="1:16" ht="16.5" customHeight="1">
      <c r="A740" s="51"/>
      <c r="B740" s="42" t="s">
        <v>513</v>
      </c>
      <c r="C740" s="42"/>
      <c r="D740" s="42"/>
      <c r="E740" s="42"/>
      <c r="F740" s="42"/>
      <c r="G740" s="42"/>
      <c r="H740" s="42"/>
      <c r="I740" s="42"/>
      <c r="J740" s="32"/>
      <c r="K740" s="90" t="s">
        <v>179</v>
      </c>
      <c r="L740" s="91" t="s">
        <v>179</v>
      </c>
      <c r="M740" s="13"/>
      <c r="N740" s="31"/>
      <c r="P740" s="32"/>
    </row>
    <row r="741" spans="1:16" ht="16.5" customHeight="1">
      <c r="A741" s="51"/>
      <c r="B741" s="42" t="s">
        <v>514</v>
      </c>
      <c r="C741" s="42"/>
      <c r="D741" s="42"/>
      <c r="E741" s="42"/>
      <c r="F741" s="42"/>
      <c r="G741" s="42"/>
      <c r="H741" s="42"/>
      <c r="I741" s="42"/>
      <c r="J741" s="32"/>
      <c r="L741" s="73"/>
      <c r="M741" s="13"/>
      <c r="N741" s="31"/>
      <c r="P741" s="32"/>
    </row>
    <row r="742" spans="1:16" ht="16.5" customHeight="1">
      <c r="A742" s="51"/>
      <c r="B742" s="42"/>
      <c r="C742" s="42"/>
      <c r="D742" s="42"/>
      <c r="E742" s="42"/>
      <c r="F742" s="42"/>
      <c r="G742" s="42"/>
      <c r="H742" s="42"/>
      <c r="I742" s="42"/>
      <c r="J742" s="32"/>
      <c r="L742" s="73"/>
      <c r="M742" s="13"/>
      <c r="N742" s="31"/>
      <c r="P742" s="32"/>
    </row>
    <row r="743" spans="1:16" ht="16.5" customHeight="1">
      <c r="A743" s="61"/>
      <c r="B743" s="62"/>
      <c r="C743" s="62"/>
      <c r="D743" s="62"/>
      <c r="E743" s="62"/>
      <c r="F743" s="62"/>
      <c r="G743" s="62"/>
      <c r="H743" s="62"/>
      <c r="I743" s="62"/>
      <c r="J743" s="35"/>
      <c r="K743" s="78"/>
      <c r="L743" s="79"/>
      <c r="M743" s="14"/>
      <c r="N743" s="33"/>
      <c r="O743" s="34"/>
      <c r="P743" s="35"/>
    </row>
    <row r="744" spans="1:16" ht="16.5" customHeight="1">
      <c r="A744" s="51" t="s">
        <v>454</v>
      </c>
      <c r="B744" s="42"/>
      <c r="C744" s="42"/>
      <c r="D744" s="42"/>
      <c r="E744" s="42"/>
      <c r="F744" s="42"/>
      <c r="G744" s="42"/>
      <c r="H744" s="42"/>
      <c r="I744" s="42"/>
      <c r="J744" s="32"/>
      <c r="L744" s="73"/>
      <c r="M744" s="13" t="s">
        <v>503</v>
      </c>
      <c r="N744" s="31"/>
      <c r="P744" s="32"/>
    </row>
    <row r="745" spans="1:16" ht="16.5" customHeight="1">
      <c r="A745" s="51"/>
      <c r="B745" s="42" t="s">
        <v>149</v>
      </c>
      <c r="C745" s="42"/>
      <c r="D745" s="42"/>
      <c r="E745" s="42"/>
      <c r="F745" s="42"/>
      <c r="G745" s="42"/>
      <c r="H745" s="42"/>
      <c r="I745" s="42"/>
      <c r="J745" s="32"/>
      <c r="K745" s="90" t="s">
        <v>179</v>
      </c>
      <c r="L745" s="91" t="s">
        <v>179</v>
      </c>
      <c r="M745" s="13" t="s">
        <v>504</v>
      </c>
      <c r="N745" s="31"/>
      <c r="P745" s="32"/>
    </row>
    <row r="746" spans="1:16" ht="16.5" customHeight="1">
      <c r="A746" s="51"/>
      <c r="B746" s="42" t="s">
        <v>150</v>
      </c>
      <c r="C746" s="42"/>
      <c r="D746" s="42"/>
      <c r="E746" s="42"/>
      <c r="F746" s="42"/>
      <c r="G746" s="42"/>
      <c r="H746" s="42"/>
      <c r="I746" s="42"/>
      <c r="J746" s="32"/>
      <c r="K746" s="90" t="s">
        <v>179</v>
      </c>
      <c r="L746" s="91" t="s">
        <v>179</v>
      </c>
      <c r="M746" s="13" t="s">
        <v>73</v>
      </c>
      <c r="N746" s="31"/>
      <c r="P746" s="32"/>
    </row>
    <row r="747" spans="1:16" ht="16.5" customHeight="1">
      <c r="A747" s="51"/>
      <c r="B747" s="42" t="s">
        <v>151</v>
      </c>
      <c r="C747" s="42"/>
      <c r="D747" s="42"/>
      <c r="E747" s="42"/>
      <c r="F747" s="42"/>
      <c r="G747" s="42"/>
      <c r="H747" s="42"/>
      <c r="I747" s="42"/>
      <c r="J747" s="32"/>
      <c r="K747" s="90" t="s">
        <v>179</v>
      </c>
      <c r="L747" s="91" t="s">
        <v>179</v>
      </c>
      <c r="M747" s="13" t="s">
        <v>74</v>
      </c>
      <c r="N747" s="31"/>
      <c r="P747" s="32"/>
    </row>
    <row r="748" spans="1:16" ht="16.5" customHeight="1">
      <c r="A748" s="51"/>
      <c r="B748" s="42" t="s">
        <v>207</v>
      </c>
      <c r="C748" s="42"/>
      <c r="D748" s="42"/>
      <c r="E748" s="42"/>
      <c r="F748" s="42"/>
      <c r="G748" s="42"/>
      <c r="H748" s="42"/>
      <c r="I748" s="42"/>
      <c r="J748" s="32"/>
      <c r="K748" s="90" t="s">
        <v>179</v>
      </c>
      <c r="L748" s="91" t="s">
        <v>179</v>
      </c>
      <c r="M748" s="13" t="s">
        <v>75</v>
      </c>
      <c r="N748" s="31"/>
      <c r="P748" s="32"/>
    </row>
    <row r="749" spans="1:16" ht="16.5" customHeight="1">
      <c r="A749" s="51"/>
      <c r="B749" s="42" t="s">
        <v>206</v>
      </c>
      <c r="C749" s="42"/>
      <c r="D749" s="42"/>
      <c r="E749" s="42"/>
      <c r="F749" s="42"/>
      <c r="G749" s="42"/>
      <c r="H749" s="42"/>
      <c r="I749" s="42"/>
      <c r="J749" s="32"/>
      <c r="L749" s="73"/>
      <c r="M749" s="13" t="s">
        <v>76</v>
      </c>
      <c r="N749" s="31"/>
      <c r="P749" s="32"/>
    </row>
    <row r="750" spans="1:16" ht="16.5" customHeight="1">
      <c r="A750" s="51"/>
      <c r="B750" s="42" t="s">
        <v>152</v>
      </c>
      <c r="C750" s="42"/>
      <c r="D750" s="42"/>
      <c r="E750" s="42"/>
      <c r="F750" s="42"/>
      <c r="G750" s="42"/>
      <c r="H750" s="42"/>
      <c r="I750" s="42"/>
      <c r="J750" s="32"/>
      <c r="K750" s="90" t="s">
        <v>179</v>
      </c>
      <c r="L750" s="91" t="s">
        <v>179</v>
      </c>
      <c r="M750" s="13" t="s">
        <v>77</v>
      </c>
      <c r="N750" s="31"/>
      <c r="P750" s="32"/>
    </row>
    <row r="751" spans="1:16" ht="16.5" customHeight="1">
      <c r="A751" s="51"/>
      <c r="B751" s="42" t="s">
        <v>208</v>
      </c>
      <c r="C751" s="42"/>
      <c r="D751" s="42"/>
      <c r="E751" s="42"/>
      <c r="F751" s="42"/>
      <c r="G751" s="42"/>
      <c r="H751" s="42"/>
      <c r="I751" s="42"/>
      <c r="J751" s="32"/>
      <c r="K751" s="90" t="s">
        <v>179</v>
      </c>
      <c r="L751" s="91" t="s">
        <v>179</v>
      </c>
      <c r="M751" s="13" t="s">
        <v>78</v>
      </c>
      <c r="N751" s="31"/>
      <c r="P751" s="32"/>
    </row>
    <row r="752" spans="1:16" ht="16.5" customHeight="1">
      <c r="A752" s="51"/>
      <c r="B752" s="42" t="s">
        <v>309</v>
      </c>
      <c r="C752" s="42"/>
      <c r="D752" s="42"/>
      <c r="E752" s="42"/>
      <c r="F752" s="42"/>
      <c r="G752" s="42"/>
      <c r="H752" s="42"/>
      <c r="I752" s="42"/>
      <c r="J752" s="32"/>
      <c r="L752" s="73"/>
      <c r="M752" s="13" t="s">
        <v>79</v>
      </c>
      <c r="N752" s="31"/>
      <c r="P752" s="32"/>
    </row>
    <row r="753" spans="1:16" ht="16.5" customHeight="1">
      <c r="A753" s="51"/>
      <c r="B753" s="42" t="s">
        <v>153</v>
      </c>
      <c r="C753" s="42"/>
      <c r="D753" s="42"/>
      <c r="E753" s="42"/>
      <c r="F753" s="42"/>
      <c r="G753" s="42"/>
      <c r="H753" s="42"/>
      <c r="I753" s="42"/>
      <c r="J753" s="32"/>
      <c r="K753" s="90" t="s">
        <v>179</v>
      </c>
      <c r="L753" s="91" t="s">
        <v>179</v>
      </c>
      <c r="M753" s="13" t="s">
        <v>80</v>
      </c>
      <c r="N753" s="31"/>
      <c r="P753" s="32"/>
    </row>
    <row r="754" spans="1:16" ht="16.5" customHeight="1">
      <c r="A754" s="51"/>
      <c r="B754" s="42"/>
      <c r="C754" s="42"/>
      <c r="D754" s="42"/>
      <c r="E754" s="42"/>
      <c r="F754" s="42"/>
      <c r="G754" s="42"/>
      <c r="H754" s="42"/>
      <c r="I754" s="42"/>
      <c r="J754" s="32"/>
      <c r="L754" s="73"/>
      <c r="M754" s="13" t="s">
        <v>57</v>
      </c>
      <c r="N754" s="31"/>
      <c r="P754" s="32"/>
    </row>
    <row r="755" spans="1:16" ht="16.5" customHeight="1">
      <c r="A755" s="51"/>
      <c r="B755" s="42"/>
      <c r="C755" s="42"/>
      <c r="D755" s="42"/>
      <c r="E755" s="42"/>
      <c r="F755" s="42"/>
      <c r="G755" s="42"/>
      <c r="H755" s="42"/>
      <c r="I755" s="42"/>
      <c r="J755" s="32"/>
      <c r="L755" s="73"/>
      <c r="M755" s="13" t="s">
        <v>81</v>
      </c>
      <c r="N755" s="31"/>
      <c r="P755" s="32"/>
    </row>
    <row r="756" spans="1:16" ht="16.5" customHeight="1">
      <c r="A756" s="51"/>
      <c r="B756" s="42"/>
      <c r="C756" s="42"/>
      <c r="D756" s="42"/>
      <c r="E756" s="42"/>
      <c r="F756" s="42"/>
      <c r="G756" s="42"/>
      <c r="H756" s="42"/>
      <c r="I756" s="42"/>
      <c r="J756" s="32"/>
      <c r="L756" s="73"/>
      <c r="M756" s="13"/>
      <c r="N756" s="31"/>
      <c r="P756" s="32"/>
    </row>
    <row r="757" spans="1:16" ht="16.5" customHeight="1">
      <c r="A757" s="51"/>
      <c r="B757" s="42"/>
      <c r="C757" s="42"/>
      <c r="D757" s="42"/>
      <c r="E757" s="42"/>
      <c r="F757" s="42"/>
      <c r="G757" s="42"/>
      <c r="H757" s="42"/>
      <c r="I757" s="42"/>
      <c r="J757" s="32"/>
      <c r="L757" s="73"/>
      <c r="M757" s="13"/>
      <c r="N757" s="31"/>
      <c r="P757" s="32"/>
    </row>
    <row r="758" spans="1:16" ht="16.5" customHeight="1">
      <c r="A758" s="51"/>
      <c r="B758" s="42"/>
      <c r="C758" s="42"/>
      <c r="D758" s="42"/>
      <c r="E758" s="42"/>
      <c r="F758" s="42"/>
      <c r="G758" s="42"/>
      <c r="H758" s="42"/>
      <c r="I758" s="42"/>
      <c r="J758" s="32"/>
      <c r="L758" s="73"/>
      <c r="M758" s="13"/>
      <c r="N758" s="31"/>
      <c r="P758" s="32"/>
    </row>
    <row r="759" spans="1:16" ht="16.5" customHeight="1">
      <c r="A759" s="51"/>
      <c r="B759" s="42"/>
      <c r="C759" s="42"/>
      <c r="D759" s="42"/>
      <c r="E759" s="42"/>
      <c r="F759" s="42"/>
      <c r="G759" s="42"/>
      <c r="H759" s="42"/>
      <c r="I759" s="42"/>
      <c r="J759" s="32"/>
      <c r="L759" s="73"/>
      <c r="M759" s="13"/>
      <c r="N759" s="31"/>
      <c r="P759" s="32"/>
    </row>
    <row r="760" spans="1:16" ht="16.5" customHeight="1">
      <c r="A760" s="51"/>
      <c r="B760" s="42"/>
      <c r="C760" s="42"/>
      <c r="D760" s="42"/>
      <c r="E760" s="42"/>
      <c r="F760" s="42"/>
      <c r="G760" s="42"/>
      <c r="H760" s="42"/>
      <c r="I760" s="42"/>
      <c r="J760" s="32"/>
      <c r="L760" s="73"/>
      <c r="M760" s="13"/>
      <c r="N760" s="31"/>
      <c r="P760" s="32"/>
    </row>
    <row r="761" spans="1:16" ht="16.5" customHeight="1">
      <c r="A761" s="51"/>
      <c r="B761" s="42"/>
      <c r="C761" s="42"/>
      <c r="D761" s="42"/>
      <c r="E761" s="42"/>
      <c r="F761" s="42"/>
      <c r="G761" s="42"/>
      <c r="H761" s="42"/>
      <c r="I761" s="42"/>
      <c r="J761" s="32"/>
      <c r="L761" s="73"/>
      <c r="M761" s="13"/>
      <c r="N761" s="31"/>
      <c r="P761" s="32"/>
    </row>
    <row r="762" spans="1:16" ht="16.5" customHeight="1">
      <c r="A762" s="51"/>
      <c r="B762" s="42"/>
      <c r="C762" s="42"/>
      <c r="D762" s="42"/>
      <c r="E762" s="42"/>
      <c r="F762" s="42"/>
      <c r="G762" s="42"/>
      <c r="H762" s="42"/>
      <c r="I762" s="42"/>
      <c r="J762" s="32"/>
      <c r="L762" s="73"/>
      <c r="M762" s="13"/>
      <c r="N762" s="31"/>
      <c r="P762" s="32"/>
    </row>
    <row r="763" spans="1:16" ht="16.5" customHeight="1">
      <c r="A763" s="51"/>
      <c r="B763" s="42"/>
      <c r="C763" s="42"/>
      <c r="D763" s="42"/>
      <c r="E763" s="42"/>
      <c r="F763" s="42"/>
      <c r="G763" s="42"/>
      <c r="H763" s="42"/>
      <c r="I763" s="42"/>
      <c r="J763" s="32"/>
      <c r="L763" s="73"/>
      <c r="M763" s="13"/>
      <c r="N763" s="31"/>
      <c r="P763" s="32"/>
    </row>
    <row r="764" spans="1:16" ht="16.5" customHeight="1">
      <c r="A764" s="51"/>
      <c r="B764" s="42"/>
      <c r="C764" s="42"/>
      <c r="D764" s="42"/>
      <c r="E764" s="42"/>
      <c r="F764" s="42"/>
      <c r="G764" s="42"/>
      <c r="H764" s="42"/>
      <c r="I764" s="42"/>
      <c r="J764" s="32"/>
      <c r="L764" s="73"/>
      <c r="M764" s="13"/>
      <c r="N764" s="31"/>
      <c r="P764" s="32"/>
    </row>
    <row r="765" spans="1:16" ht="16.5" customHeight="1">
      <c r="A765" s="51"/>
      <c r="B765" s="42"/>
      <c r="C765" s="42"/>
      <c r="D765" s="42"/>
      <c r="E765" s="42"/>
      <c r="F765" s="42"/>
      <c r="G765" s="42"/>
      <c r="H765" s="42"/>
      <c r="I765" s="42"/>
      <c r="J765" s="32"/>
      <c r="L765" s="73"/>
      <c r="M765" s="13"/>
      <c r="N765" s="31"/>
      <c r="P765" s="32"/>
    </row>
    <row r="766" spans="1:16" ht="16.5" customHeight="1">
      <c r="A766" s="51"/>
      <c r="B766" s="42"/>
      <c r="C766" s="42"/>
      <c r="D766" s="42"/>
      <c r="E766" s="42"/>
      <c r="F766" s="42"/>
      <c r="G766" s="42"/>
      <c r="H766" s="42"/>
      <c r="I766" s="42"/>
      <c r="J766" s="32"/>
      <c r="L766" s="73"/>
      <c r="M766" s="13"/>
      <c r="N766" s="31"/>
      <c r="P766" s="32"/>
    </row>
    <row r="767" spans="1:16" ht="16.5" customHeight="1">
      <c r="A767" s="51"/>
      <c r="B767" s="42"/>
      <c r="C767" s="42"/>
      <c r="D767" s="42"/>
      <c r="E767" s="42"/>
      <c r="F767" s="42"/>
      <c r="G767" s="42"/>
      <c r="H767" s="42"/>
      <c r="I767" s="42"/>
      <c r="J767" s="32"/>
      <c r="L767" s="73"/>
      <c r="M767" s="13"/>
      <c r="N767" s="31"/>
      <c r="P767" s="32"/>
    </row>
    <row r="768" spans="1:16" ht="16.5" customHeight="1">
      <c r="A768" s="51"/>
      <c r="B768" s="42"/>
      <c r="C768" s="42"/>
      <c r="D768" s="42"/>
      <c r="E768" s="42"/>
      <c r="F768" s="42"/>
      <c r="G768" s="42"/>
      <c r="H768" s="42"/>
      <c r="I768" s="42"/>
      <c r="J768" s="32"/>
      <c r="L768" s="73"/>
      <c r="M768" s="13"/>
      <c r="N768" s="31"/>
      <c r="P768" s="32"/>
    </row>
    <row r="769" spans="1:16" ht="16.5" customHeight="1">
      <c r="A769" s="51"/>
      <c r="B769" s="42"/>
      <c r="C769" s="42"/>
      <c r="D769" s="42"/>
      <c r="E769" s="42"/>
      <c r="F769" s="42"/>
      <c r="G769" s="42"/>
      <c r="H769" s="42"/>
      <c r="I769" s="42"/>
      <c r="J769" s="32"/>
      <c r="L769" s="73"/>
      <c r="M769" s="13"/>
      <c r="N769" s="31"/>
      <c r="P769" s="32"/>
    </row>
    <row r="770" spans="1:16" ht="16.5" customHeight="1">
      <c r="A770" s="51"/>
      <c r="B770" s="42"/>
      <c r="C770" s="42"/>
      <c r="D770" s="42"/>
      <c r="E770" s="42"/>
      <c r="F770" s="42"/>
      <c r="G770" s="42"/>
      <c r="H770" s="42"/>
      <c r="I770" s="42"/>
      <c r="J770" s="32"/>
      <c r="L770" s="73"/>
      <c r="M770" s="13"/>
      <c r="N770" s="31"/>
      <c r="P770" s="32"/>
    </row>
    <row r="771" spans="1:16" ht="16.5" customHeight="1">
      <c r="A771" s="51"/>
      <c r="B771" s="42"/>
      <c r="C771" s="42"/>
      <c r="D771" s="42"/>
      <c r="E771" s="42"/>
      <c r="F771" s="42"/>
      <c r="G771" s="42"/>
      <c r="H771" s="42"/>
      <c r="I771" s="42"/>
      <c r="J771" s="32"/>
      <c r="L771" s="73"/>
      <c r="M771" s="13"/>
      <c r="N771" s="31"/>
      <c r="P771" s="32"/>
    </row>
    <row r="772" spans="1:16" ht="16.5" customHeight="1">
      <c r="A772" s="51"/>
      <c r="B772" s="42"/>
      <c r="C772" s="42"/>
      <c r="D772" s="42"/>
      <c r="E772" s="42"/>
      <c r="F772" s="42"/>
      <c r="G772" s="42"/>
      <c r="H772" s="42"/>
      <c r="I772" s="42"/>
      <c r="J772" s="32"/>
      <c r="L772" s="73"/>
      <c r="M772" s="13"/>
      <c r="N772" s="31"/>
      <c r="P772" s="32"/>
    </row>
    <row r="773" spans="1:16" ht="16.5" customHeight="1">
      <c r="A773" s="51"/>
      <c r="B773" s="42"/>
      <c r="C773" s="42"/>
      <c r="D773" s="42"/>
      <c r="E773" s="42"/>
      <c r="F773" s="42"/>
      <c r="G773" s="42"/>
      <c r="H773" s="42"/>
      <c r="I773" s="42"/>
      <c r="J773" s="32"/>
      <c r="L773" s="73"/>
      <c r="M773" s="13"/>
      <c r="N773" s="31"/>
      <c r="P773" s="32"/>
    </row>
    <row r="774" spans="1:16" ht="16.5" customHeight="1">
      <c r="A774" s="51"/>
      <c r="B774" s="42"/>
      <c r="C774" s="42"/>
      <c r="D774" s="42"/>
      <c r="E774" s="42"/>
      <c r="F774" s="42"/>
      <c r="G774" s="42"/>
      <c r="H774" s="42"/>
      <c r="I774" s="42"/>
      <c r="J774" s="32"/>
      <c r="L774" s="73"/>
      <c r="M774" s="13"/>
      <c r="N774" s="31"/>
      <c r="P774" s="32"/>
    </row>
    <row r="775" spans="1:16" ht="16.5" customHeight="1">
      <c r="A775" s="51"/>
      <c r="B775" s="42"/>
      <c r="C775" s="42"/>
      <c r="D775" s="42"/>
      <c r="E775" s="42"/>
      <c r="F775" s="42"/>
      <c r="G775" s="42"/>
      <c r="H775" s="42"/>
      <c r="I775" s="42"/>
      <c r="J775" s="32"/>
      <c r="L775" s="73"/>
      <c r="M775" s="13"/>
      <c r="N775" s="31"/>
      <c r="P775" s="32"/>
    </row>
    <row r="776" spans="1:16" ht="16.5" customHeight="1">
      <c r="A776" s="51"/>
      <c r="B776" s="42"/>
      <c r="C776" s="42"/>
      <c r="D776" s="42"/>
      <c r="E776" s="42"/>
      <c r="F776" s="42"/>
      <c r="G776" s="42"/>
      <c r="H776" s="42"/>
      <c r="I776" s="42"/>
      <c r="J776" s="32"/>
      <c r="L776" s="73"/>
      <c r="M776" s="13"/>
      <c r="N776" s="31"/>
      <c r="P776" s="32"/>
    </row>
    <row r="777" spans="1:16" ht="16.5" customHeight="1">
      <c r="A777" s="51"/>
      <c r="B777" s="42"/>
      <c r="C777" s="42"/>
      <c r="D777" s="42"/>
      <c r="E777" s="42"/>
      <c r="F777" s="42"/>
      <c r="G777" s="42"/>
      <c r="H777" s="42"/>
      <c r="I777" s="42"/>
      <c r="J777" s="32"/>
      <c r="L777" s="73"/>
      <c r="M777" s="13"/>
      <c r="N777" s="31"/>
      <c r="P777" s="32"/>
    </row>
    <row r="778" spans="1:16" ht="16.5" customHeight="1">
      <c r="A778" s="51"/>
      <c r="B778" s="42"/>
      <c r="C778" s="42"/>
      <c r="D778" s="42"/>
      <c r="E778" s="42"/>
      <c r="F778" s="42"/>
      <c r="G778" s="42"/>
      <c r="H778" s="42"/>
      <c r="I778" s="42"/>
      <c r="J778" s="32"/>
      <c r="L778" s="73"/>
      <c r="M778" s="13"/>
      <c r="N778" s="31"/>
      <c r="P778" s="32"/>
    </row>
    <row r="779" spans="1:16" ht="16.5" customHeight="1">
      <c r="A779" s="51"/>
      <c r="B779" s="42"/>
      <c r="C779" s="42"/>
      <c r="D779" s="42"/>
      <c r="E779" s="42"/>
      <c r="F779" s="42"/>
      <c r="G779" s="42"/>
      <c r="H779" s="42"/>
      <c r="I779" s="42"/>
      <c r="J779" s="32"/>
      <c r="L779" s="73"/>
      <c r="M779" s="13"/>
      <c r="N779" s="31"/>
      <c r="P779" s="32"/>
    </row>
    <row r="780" spans="1:16" ht="16.5" customHeight="1">
      <c r="A780" s="51"/>
      <c r="B780" s="42"/>
      <c r="C780" s="42"/>
      <c r="D780" s="42"/>
      <c r="E780" s="42"/>
      <c r="F780" s="42"/>
      <c r="G780" s="42"/>
      <c r="H780" s="42"/>
      <c r="I780" s="42"/>
      <c r="J780" s="32"/>
      <c r="L780" s="73"/>
      <c r="M780" s="13"/>
      <c r="N780" s="31"/>
      <c r="P780" s="32"/>
    </row>
    <row r="781" spans="1:16" ht="16.5" customHeight="1">
      <c r="A781" s="51"/>
      <c r="B781" s="42"/>
      <c r="C781" s="42"/>
      <c r="D781" s="42"/>
      <c r="E781" s="42"/>
      <c r="F781" s="42"/>
      <c r="G781" s="42"/>
      <c r="H781" s="42"/>
      <c r="I781" s="42"/>
      <c r="J781" s="32"/>
      <c r="L781" s="73"/>
      <c r="M781" s="13"/>
      <c r="N781" s="31"/>
      <c r="P781" s="32"/>
    </row>
    <row r="782" spans="1:16" ht="16.5" customHeight="1">
      <c r="A782" s="51"/>
      <c r="B782" s="42"/>
      <c r="C782" s="42"/>
      <c r="D782" s="42"/>
      <c r="E782" s="42"/>
      <c r="F782" s="42"/>
      <c r="G782" s="42"/>
      <c r="H782" s="42"/>
      <c r="I782" s="42"/>
      <c r="J782" s="32"/>
      <c r="L782" s="73"/>
      <c r="M782" s="13"/>
      <c r="N782" s="31"/>
      <c r="P782" s="32"/>
    </row>
    <row r="783" spans="1:16" ht="16.5" customHeight="1">
      <c r="A783" s="51"/>
      <c r="B783" s="42"/>
      <c r="C783" s="42"/>
      <c r="D783" s="42"/>
      <c r="E783" s="42"/>
      <c r="F783" s="42"/>
      <c r="G783" s="42"/>
      <c r="H783" s="42"/>
      <c r="I783" s="42"/>
      <c r="J783" s="32"/>
      <c r="L783" s="73"/>
      <c r="M783" s="13"/>
      <c r="N783" s="31"/>
      <c r="P783" s="32"/>
    </row>
    <row r="784" spans="1:16" ht="16.5" customHeight="1">
      <c r="A784" s="51"/>
      <c r="B784" s="42"/>
      <c r="C784" s="42"/>
      <c r="D784" s="42"/>
      <c r="E784" s="42"/>
      <c r="F784" s="42"/>
      <c r="G784" s="42"/>
      <c r="H784" s="42"/>
      <c r="I784" s="42"/>
      <c r="J784" s="32"/>
      <c r="L784" s="73"/>
      <c r="M784" s="13"/>
      <c r="N784" s="31"/>
      <c r="P784" s="32"/>
    </row>
    <row r="785" spans="1:16" ht="16.5" customHeight="1">
      <c r="A785" s="51"/>
      <c r="B785" s="42"/>
      <c r="C785" s="42"/>
      <c r="D785" s="42"/>
      <c r="E785" s="42"/>
      <c r="F785" s="42"/>
      <c r="G785" s="42"/>
      <c r="H785" s="42"/>
      <c r="I785" s="42"/>
      <c r="J785" s="32"/>
      <c r="L785" s="73"/>
      <c r="M785" s="13"/>
      <c r="N785" s="31"/>
      <c r="P785" s="32"/>
    </row>
    <row r="786" spans="1:16" ht="16.5" customHeight="1">
      <c r="A786" s="51"/>
      <c r="B786" s="42"/>
      <c r="C786" s="42"/>
      <c r="D786" s="42"/>
      <c r="E786" s="42"/>
      <c r="F786" s="42"/>
      <c r="G786" s="42"/>
      <c r="H786" s="42"/>
      <c r="I786" s="42"/>
      <c r="J786" s="32"/>
      <c r="L786" s="73"/>
      <c r="M786" s="13"/>
      <c r="N786" s="31"/>
      <c r="P786" s="32"/>
    </row>
    <row r="787" spans="1:16" ht="16.5" customHeight="1">
      <c r="A787" s="51"/>
      <c r="B787" s="42"/>
      <c r="C787" s="42"/>
      <c r="D787" s="42"/>
      <c r="E787" s="42"/>
      <c r="F787" s="42"/>
      <c r="G787" s="42"/>
      <c r="H787" s="42"/>
      <c r="I787" s="42"/>
      <c r="J787" s="32"/>
      <c r="L787" s="73"/>
      <c r="M787" s="13"/>
      <c r="N787" s="31"/>
      <c r="P787" s="32"/>
    </row>
    <row r="788" spans="1:16" ht="16.5" customHeight="1">
      <c r="A788" s="51"/>
      <c r="B788" s="42"/>
      <c r="C788" s="42"/>
      <c r="D788" s="42"/>
      <c r="E788" s="42"/>
      <c r="F788" s="42"/>
      <c r="G788" s="42"/>
      <c r="H788" s="42"/>
      <c r="I788" s="42"/>
      <c r="J788" s="32"/>
      <c r="L788" s="73"/>
      <c r="M788" s="13"/>
      <c r="N788" s="31"/>
      <c r="P788" s="32"/>
    </row>
    <row r="789" spans="1:16" ht="16.5" customHeight="1">
      <c r="A789" s="51"/>
      <c r="B789" s="42"/>
      <c r="C789" s="42"/>
      <c r="D789" s="42"/>
      <c r="E789" s="42"/>
      <c r="F789" s="42"/>
      <c r="G789" s="42"/>
      <c r="H789" s="42"/>
      <c r="I789" s="42"/>
      <c r="J789" s="32"/>
      <c r="L789" s="73"/>
      <c r="M789" s="13"/>
      <c r="N789" s="31"/>
      <c r="P789" s="32"/>
    </row>
    <row r="790" spans="1:16" ht="16.5" customHeight="1">
      <c r="A790" s="61"/>
      <c r="B790" s="62"/>
      <c r="C790" s="62"/>
      <c r="D790" s="62"/>
      <c r="E790" s="62"/>
      <c r="F790" s="62"/>
      <c r="G790" s="62"/>
      <c r="H790" s="62"/>
      <c r="I790" s="62"/>
      <c r="J790" s="35"/>
      <c r="K790" s="78"/>
      <c r="L790" s="79"/>
      <c r="M790" s="14"/>
      <c r="N790" s="33"/>
      <c r="O790" s="34"/>
      <c r="P790" s="35"/>
    </row>
    <row r="791" spans="1:16" ht="16.5" customHeight="1">
      <c r="A791" s="51" t="s">
        <v>455</v>
      </c>
      <c r="B791" s="42"/>
      <c r="C791" s="42"/>
      <c r="D791" s="42"/>
      <c r="E791" s="42"/>
      <c r="F791" s="42"/>
      <c r="G791" s="42"/>
      <c r="H791" s="42"/>
      <c r="I791" s="42"/>
      <c r="J791" s="32"/>
      <c r="L791" s="73"/>
      <c r="M791" s="13" t="s">
        <v>53</v>
      </c>
      <c r="N791" s="31"/>
      <c r="P791" s="32"/>
    </row>
    <row r="792" spans="1:16" ht="16.5" customHeight="1">
      <c r="A792" s="51"/>
      <c r="B792" s="42" t="s">
        <v>209</v>
      </c>
      <c r="C792" s="42"/>
      <c r="D792" s="42"/>
      <c r="E792" s="42"/>
      <c r="F792" s="42"/>
      <c r="G792" s="42"/>
      <c r="H792" s="42"/>
      <c r="I792" s="42"/>
      <c r="J792" s="32"/>
      <c r="K792" s="90" t="s">
        <v>179</v>
      </c>
      <c r="L792" s="91" t="s">
        <v>179</v>
      </c>
      <c r="M792" s="13" t="s">
        <v>54</v>
      </c>
      <c r="N792" s="31"/>
      <c r="P792" s="32"/>
    </row>
    <row r="793" spans="1:16" ht="16.5" customHeight="1">
      <c r="A793" s="51"/>
      <c r="B793" s="42" t="s">
        <v>276</v>
      </c>
      <c r="C793" s="42"/>
      <c r="D793" s="42"/>
      <c r="E793" s="42"/>
      <c r="F793" s="42"/>
      <c r="G793" s="42"/>
      <c r="H793" s="42"/>
      <c r="I793" s="42"/>
      <c r="J793" s="32"/>
      <c r="L793" s="73"/>
      <c r="M793" s="13" t="s">
        <v>55</v>
      </c>
      <c r="N793" s="31"/>
      <c r="P793" s="32"/>
    </row>
    <row r="794" spans="1:16" ht="16.5" customHeight="1">
      <c r="A794" s="51"/>
      <c r="B794" s="42" t="s">
        <v>154</v>
      </c>
      <c r="C794" s="42"/>
      <c r="D794" s="42"/>
      <c r="E794" s="42"/>
      <c r="F794" s="42"/>
      <c r="G794" s="42"/>
      <c r="H794" s="42"/>
      <c r="I794" s="42"/>
      <c r="J794" s="32"/>
      <c r="K794" s="90" t="s">
        <v>179</v>
      </c>
      <c r="L794" s="91" t="s">
        <v>179</v>
      </c>
      <c r="M794" s="13" t="s">
        <v>56</v>
      </c>
      <c r="N794" s="31"/>
      <c r="P794" s="32"/>
    </row>
    <row r="795" spans="1:16" ht="16.5" customHeight="1">
      <c r="A795" s="51"/>
      <c r="B795" s="42" t="s">
        <v>155</v>
      </c>
      <c r="C795" s="42"/>
      <c r="D795" s="42"/>
      <c r="E795" s="42"/>
      <c r="F795" s="42"/>
      <c r="G795" s="42"/>
      <c r="H795" s="42"/>
      <c r="I795" s="42"/>
      <c r="J795" s="32"/>
      <c r="K795" s="90" t="s">
        <v>179</v>
      </c>
      <c r="L795" s="91" t="s">
        <v>179</v>
      </c>
      <c r="M795" s="13" t="s">
        <v>57</v>
      </c>
      <c r="N795" s="31"/>
      <c r="P795" s="32"/>
    </row>
    <row r="796" spans="1:16" ht="16.5" customHeight="1">
      <c r="A796" s="51"/>
      <c r="B796" s="42" t="s">
        <v>325</v>
      </c>
      <c r="C796" s="42"/>
      <c r="D796" s="42"/>
      <c r="E796" s="42"/>
      <c r="F796" s="42"/>
      <c r="G796" s="42"/>
      <c r="H796" s="42"/>
      <c r="I796" s="42"/>
      <c r="J796" s="32"/>
      <c r="L796" s="73"/>
      <c r="M796" s="13" t="s">
        <v>58</v>
      </c>
      <c r="N796" s="31"/>
      <c r="P796" s="32"/>
    </row>
    <row r="797" spans="1:16" ht="16.5" customHeight="1">
      <c r="A797" s="51"/>
      <c r="B797" s="42" t="s">
        <v>156</v>
      </c>
      <c r="C797" s="42"/>
      <c r="D797" s="42"/>
      <c r="E797" s="42"/>
      <c r="F797" s="42"/>
      <c r="G797" s="42"/>
      <c r="H797" s="42"/>
      <c r="I797" s="42"/>
      <c r="J797" s="32"/>
      <c r="K797" s="90" t="s">
        <v>179</v>
      </c>
      <c r="L797" s="91" t="s">
        <v>179</v>
      </c>
      <c r="M797" s="13"/>
      <c r="N797" s="31"/>
      <c r="P797" s="32"/>
    </row>
    <row r="798" spans="1:16" ht="16.5" customHeight="1">
      <c r="A798" s="51"/>
      <c r="B798" s="42"/>
      <c r="C798" s="42"/>
      <c r="D798" s="42"/>
      <c r="E798" s="42"/>
      <c r="F798" s="42"/>
      <c r="G798" s="42"/>
      <c r="H798" s="42"/>
      <c r="I798" s="42"/>
      <c r="J798" s="32"/>
      <c r="L798" s="73"/>
      <c r="M798" s="13"/>
      <c r="N798" s="31"/>
      <c r="P798" s="32"/>
    </row>
    <row r="799" spans="1:16" ht="16.5" customHeight="1">
      <c r="A799" s="51"/>
      <c r="B799" s="42"/>
      <c r="C799" s="42"/>
      <c r="D799" s="42"/>
      <c r="E799" s="42"/>
      <c r="F799" s="42"/>
      <c r="G799" s="42"/>
      <c r="H799" s="42"/>
      <c r="I799" s="42"/>
      <c r="J799" s="32"/>
      <c r="L799" s="73"/>
      <c r="M799" s="13"/>
      <c r="N799" s="31"/>
      <c r="P799" s="32"/>
    </row>
    <row r="800" spans="1:16" ht="16.5" customHeight="1">
      <c r="A800" s="51"/>
      <c r="B800" s="42"/>
      <c r="C800" s="42"/>
      <c r="D800" s="42"/>
      <c r="E800" s="42"/>
      <c r="F800" s="42"/>
      <c r="G800" s="42"/>
      <c r="H800" s="42"/>
      <c r="I800" s="42"/>
      <c r="J800" s="32"/>
      <c r="L800" s="73"/>
      <c r="M800" s="13"/>
      <c r="N800" s="31"/>
      <c r="P800" s="32"/>
    </row>
    <row r="801" spans="1:16" ht="16.5" customHeight="1">
      <c r="A801" s="51"/>
      <c r="B801" s="42"/>
      <c r="C801" s="42"/>
      <c r="D801" s="42"/>
      <c r="E801" s="42"/>
      <c r="F801" s="42"/>
      <c r="G801" s="42"/>
      <c r="H801" s="42"/>
      <c r="I801" s="42"/>
      <c r="J801" s="32"/>
      <c r="L801" s="73"/>
      <c r="M801" s="13"/>
      <c r="N801" s="31"/>
      <c r="P801" s="32"/>
    </row>
    <row r="802" spans="1:16" ht="16.5" customHeight="1">
      <c r="A802" s="51"/>
      <c r="B802" s="42"/>
      <c r="C802" s="42"/>
      <c r="D802" s="42"/>
      <c r="E802" s="42"/>
      <c r="F802" s="42"/>
      <c r="G802" s="42"/>
      <c r="H802" s="42"/>
      <c r="I802" s="42"/>
      <c r="J802" s="32"/>
      <c r="L802" s="73"/>
      <c r="M802" s="13"/>
      <c r="N802" s="31"/>
      <c r="P802" s="32"/>
    </row>
    <row r="803" spans="1:16" ht="16.5" customHeight="1">
      <c r="A803" s="51"/>
      <c r="B803" s="42"/>
      <c r="C803" s="42"/>
      <c r="D803" s="42"/>
      <c r="E803" s="42"/>
      <c r="F803" s="42"/>
      <c r="G803" s="42"/>
      <c r="H803" s="42"/>
      <c r="I803" s="42"/>
      <c r="J803" s="32"/>
      <c r="L803" s="73"/>
      <c r="M803" s="13"/>
      <c r="N803" s="31"/>
      <c r="P803" s="32"/>
    </row>
    <row r="804" spans="1:16" ht="16.5" customHeight="1">
      <c r="A804" s="51"/>
      <c r="B804" s="42"/>
      <c r="C804" s="42"/>
      <c r="D804" s="42"/>
      <c r="E804" s="42"/>
      <c r="F804" s="42"/>
      <c r="G804" s="42"/>
      <c r="H804" s="42"/>
      <c r="I804" s="42"/>
      <c r="J804" s="32"/>
      <c r="L804" s="73"/>
      <c r="M804" s="13"/>
      <c r="N804" s="31"/>
      <c r="P804" s="32"/>
    </row>
    <row r="805" spans="1:16" ht="16.5" customHeight="1">
      <c r="A805" s="51"/>
      <c r="B805" s="42"/>
      <c r="C805" s="42"/>
      <c r="D805" s="42"/>
      <c r="E805" s="42"/>
      <c r="F805" s="42"/>
      <c r="G805" s="42"/>
      <c r="H805" s="42"/>
      <c r="I805" s="42"/>
      <c r="J805" s="32"/>
      <c r="L805" s="73"/>
      <c r="M805" s="13"/>
      <c r="N805" s="31"/>
      <c r="P805" s="32"/>
    </row>
    <row r="806" spans="1:16" ht="16.5" customHeight="1">
      <c r="A806" s="51"/>
      <c r="B806" s="42"/>
      <c r="C806" s="42"/>
      <c r="D806" s="42"/>
      <c r="E806" s="42"/>
      <c r="F806" s="42"/>
      <c r="G806" s="42"/>
      <c r="H806" s="42"/>
      <c r="I806" s="42"/>
      <c r="J806" s="32"/>
      <c r="L806" s="73"/>
      <c r="M806" s="13"/>
      <c r="N806" s="31"/>
      <c r="P806" s="32"/>
    </row>
    <row r="807" spans="1:16" ht="16.5" customHeight="1">
      <c r="A807" s="51"/>
      <c r="B807" s="42"/>
      <c r="C807" s="42"/>
      <c r="D807" s="42"/>
      <c r="E807" s="42"/>
      <c r="F807" s="42"/>
      <c r="G807" s="42"/>
      <c r="H807" s="42"/>
      <c r="I807" s="42"/>
      <c r="J807" s="32"/>
      <c r="L807" s="73"/>
      <c r="M807" s="13"/>
      <c r="N807" s="31"/>
      <c r="P807" s="32"/>
    </row>
    <row r="808" spans="1:16" ht="16.5" customHeight="1">
      <c r="A808" s="51"/>
      <c r="B808" s="42"/>
      <c r="C808" s="42"/>
      <c r="D808" s="42"/>
      <c r="E808" s="42"/>
      <c r="F808" s="42"/>
      <c r="G808" s="42"/>
      <c r="H808" s="42"/>
      <c r="I808" s="42"/>
      <c r="J808" s="32"/>
      <c r="L808" s="73"/>
      <c r="M808" s="13"/>
      <c r="N808" s="31"/>
      <c r="P808" s="32"/>
    </row>
    <row r="809" spans="1:16" ht="16.5" customHeight="1">
      <c r="A809" s="51"/>
      <c r="B809" s="42"/>
      <c r="C809" s="42"/>
      <c r="D809" s="42"/>
      <c r="E809" s="42"/>
      <c r="F809" s="42"/>
      <c r="G809" s="42"/>
      <c r="H809" s="42"/>
      <c r="I809" s="42"/>
      <c r="J809" s="32"/>
      <c r="L809" s="73"/>
      <c r="M809" s="13"/>
      <c r="N809" s="31"/>
      <c r="P809" s="32"/>
    </row>
    <row r="810" spans="1:16" ht="16.5" customHeight="1">
      <c r="A810" s="51"/>
      <c r="B810" s="42"/>
      <c r="C810" s="42"/>
      <c r="D810" s="42"/>
      <c r="E810" s="42"/>
      <c r="F810" s="42"/>
      <c r="G810" s="42"/>
      <c r="H810" s="42"/>
      <c r="I810" s="42"/>
      <c r="J810" s="32"/>
      <c r="L810" s="73"/>
      <c r="M810" s="13"/>
      <c r="N810" s="31"/>
      <c r="P810" s="32"/>
    </row>
    <row r="811" spans="1:16" ht="16.5" customHeight="1">
      <c r="A811" s="51"/>
      <c r="B811" s="42"/>
      <c r="C811" s="42"/>
      <c r="D811" s="42"/>
      <c r="E811" s="42"/>
      <c r="F811" s="42"/>
      <c r="G811" s="42"/>
      <c r="H811" s="42"/>
      <c r="I811" s="42"/>
      <c r="J811" s="32"/>
      <c r="L811" s="73"/>
      <c r="M811" s="13"/>
      <c r="N811" s="31"/>
      <c r="P811" s="32"/>
    </row>
    <row r="812" spans="1:16" ht="16.5" customHeight="1">
      <c r="A812" s="51"/>
      <c r="B812" s="42"/>
      <c r="C812" s="42"/>
      <c r="D812" s="42"/>
      <c r="E812" s="42"/>
      <c r="F812" s="42"/>
      <c r="G812" s="42"/>
      <c r="H812" s="42"/>
      <c r="I812" s="42"/>
      <c r="J812" s="32"/>
      <c r="L812" s="73"/>
      <c r="M812" s="13"/>
      <c r="N812" s="31"/>
      <c r="P812" s="32"/>
    </row>
    <row r="813" spans="1:16" ht="16.5" customHeight="1">
      <c r="A813" s="51"/>
      <c r="B813" s="42"/>
      <c r="C813" s="42"/>
      <c r="D813" s="42"/>
      <c r="E813" s="42"/>
      <c r="F813" s="42"/>
      <c r="G813" s="42"/>
      <c r="H813" s="42"/>
      <c r="I813" s="42"/>
      <c r="J813" s="32"/>
      <c r="L813" s="73"/>
      <c r="M813" s="13"/>
      <c r="N813" s="31"/>
      <c r="P813" s="32"/>
    </row>
    <row r="814" spans="1:16" ht="16.5" customHeight="1">
      <c r="A814" s="51"/>
      <c r="B814" s="42"/>
      <c r="C814" s="42"/>
      <c r="D814" s="42"/>
      <c r="E814" s="42"/>
      <c r="F814" s="42"/>
      <c r="G814" s="42"/>
      <c r="H814" s="42"/>
      <c r="I814" s="42"/>
      <c r="J814" s="32"/>
      <c r="L814" s="73"/>
      <c r="M814" s="13"/>
      <c r="N814" s="31"/>
      <c r="P814" s="32"/>
    </row>
    <row r="815" spans="1:16" ht="16.5" customHeight="1">
      <c r="A815" s="51"/>
      <c r="B815" s="42"/>
      <c r="C815" s="42"/>
      <c r="D815" s="42"/>
      <c r="E815" s="42"/>
      <c r="F815" s="42"/>
      <c r="G815" s="42"/>
      <c r="H815" s="42"/>
      <c r="I815" s="42"/>
      <c r="J815" s="32"/>
      <c r="L815" s="73"/>
      <c r="M815" s="13"/>
      <c r="N815" s="31"/>
      <c r="P815" s="32"/>
    </row>
    <row r="816" spans="1:16" ht="16.5" customHeight="1">
      <c r="A816" s="51"/>
      <c r="B816" s="42"/>
      <c r="C816" s="42"/>
      <c r="D816" s="42"/>
      <c r="E816" s="42"/>
      <c r="F816" s="42"/>
      <c r="G816" s="42"/>
      <c r="H816" s="42"/>
      <c r="I816" s="42"/>
      <c r="J816" s="32"/>
      <c r="L816" s="73"/>
      <c r="M816" s="13"/>
      <c r="N816" s="31"/>
      <c r="P816" s="32"/>
    </row>
    <row r="817" spans="1:16" ht="16.5" customHeight="1">
      <c r="A817" s="51"/>
      <c r="B817" s="42"/>
      <c r="C817" s="42"/>
      <c r="D817" s="42"/>
      <c r="E817" s="42"/>
      <c r="F817" s="42"/>
      <c r="G817" s="42"/>
      <c r="H817" s="42"/>
      <c r="I817" s="42"/>
      <c r="J817" s="32"/>
      <c r="L817" s="73"/>
      <c r="M817" s="13"/>
      <c r="N817" s="31"/>
      <c r="P817" s="32"/>
    </row>
    <row r="818" spans="1:16" ht="16.5" customHeight="1">
      <c r="A818" s="51"/>
      <c r="B818" s="42"/>
      <c r="C818" s="42"/>
      <c r="D818" s="42"/>
      <c r="E818" s="42"/>
      <c r="F818" s="42"/>
      <c r="G818" s="42"/>
      <c r="H818" s="42"/>
      <c r="I818" s="42"/>
      <c r="J818" s="32"/>
      <c r="L818" s="73"/>
      <c r="M818" s="13"/>
      <c r="N818" s="31"/>
      <c r="P818" s="32"/>
    </row>
    <row r="819" spans="1:16" ht="16.5" customHeight="1">
      <c r="A819" s="51"/>
      <c r="B819" s="42"/>
      <c r="C819" s="42"/>
      <c r="D819" s="42"/>
      <c r="E819" s="42"/>
      <c r="F819" s="42"/>
      <c r="G819" s="42"/>
      <c r="H819" s="42"/>
      <c r="I819" s="42"/>
      <c r="J819" s="32"/>
      <c r="L819" s="73"/>
      <c r="M819" s="13"/>
      <c r="N819" s="31"/>
      <c r="P819" s="32"/>
    </row>
    <row r="820" spans="1:16" ht="16.5" customHeight="1">
      <c r="A820" s="51"/>
      <c r="B820" s="42"/>
      <c r="C820" s="42"/>
      <c r="D820" s="42"/>
      <c r="E820" s="42"/>
      <c r="F820" s="42"/>
      <c r="G820" s="42"/>
      <c r="H820" s="42"/>
      <c r="I820" s="42"/>
      <c r="J820" s="32"/>
      <c r="L820" s="73"/>
      <c r="M820" s="13"/>
      <c r="N820" s="31"/>
      <c r="P820" s="32"/>
    </row>
    <row r="821" spans="1:16" ht="16.5" customHeight="1">
      <c r="A821" s="51"/>
      <c r="B821" s="42"/>
      <c r="C821" s="42"/>
      <c r="D821" s="42"/>
      <c r="E821" s="42"/>
      <c r="F821" s="42"/>
      <c r="G821" s="42"/>
      <c r="H821" s="42"/>
      <c r="I821" s="42"/>
      <c r="J821" s="32"/>
      <c r="L821" s="73"/>
      <c r="M821" s="13"/>
      <c r="N821" s="31"/>
      <c r="P821" s="32"/>
    </row>
    <row r="822" spans="1:16" ht="16.5" customHeight="1">
      <c r="A822" s="51"/>
      <c r="B822" s="42"/>
      <c r="C822" s="42"/>
      <c r="D822" s="42"/>
      <c r="E822" s="42"/>
      <c r="F822" s="42"/>
      <c r="G822" s="42"/>
      <c r="H822" s="42"/>
      <c r="I822" s="42"/>
      <c r="J822" s="32"/>
      <c r="L822" s="73"/>
      <c r="M822" s="13"/>
      <c r="N822" s="31"/>
      <c r="P822" s="32"/>
    </row>
    <row r="823" spans="1:16" ht="16.5" customHeight="1">
      <c r="A823" s="51"/>
      <c r="B823" s="42"/>
      <c r="C823" s="42"/>
      <c r="D823" s="42"/>
      <c r="E823" s="42"/>
      <c r="F823" s="42"/>
      <c r="G823" s="42"/>
      <c r="H823" s="42"/>
      <c r="I823" s="42"/>
      <c r="J823" s="32"/>
      <c r="L823" s="73"/>
      <c r="M823" s="13"/>
      <c r="N823" s="31"/>
      <c r="P823" s="32"/>
    </row>
    <row r="824" spans="1:16" ht="16.5" customHeight="1">
      <c r="A824" s="51"/>
      <c r="B824" s="42"/>
      <c r="C824" s="42"/>
      <c r="D824" s="42"/>
      <c r="E824" s="42"/>
      <c r="F824" s="42"/>
      <c r="G824" s="42"/>
      <c r="H824" s="42"/>
      <c r="I824" s="42"/>
      <c r="J824" s="32"/>
      <c r="L824" s="73"/>
      <c r="M824" s="13"/>
      <c r="N824" s="31"/>
      <c r="P824" s="32"/>
    </row>
    <row r="825" spans="1:16" ht="16.5" customHeight="1">
      <c r="A825" s="51"/>
      <c r="B825" s="42"/>
      <c r="C825" s="42"/>
      <c r="D825" s="42"/>
      <c r="E825" s="42"/>
      <c r="F825" s="42"/>
      <c r="G825" s="42"/>
      <c r="H825" s="42"/>
      <c r="I825" s="42"/>
      <c r="J825" s="32"/>
      <c r="L825" s="73"/>
      <c r="M825" s="13"/>
      <c r="N825" s="31"/>
      <c r="P825" s="32"/>
    </row>
    <row r="826" spans="1:16" ht="16.5" customHeight="1">
      <c r="A826" s="51"/>
      <c r="B826" s="42"/>
      <c r="C826" s="42"/>
      <c r="D826" s="42"/>
      <c r="E826" s="42"/>
      <c r="F826" s="42"/>
      <c r="G826" s="42"/>
      <c r="H826" s="42"/>
      <c r="I826" s="42"/>
      <c r="J826" s="32"/>
      <c r="L826" s="73"/>
      <c r="M826" s="13"/>
      <c r="N826" s="31"/>
      <c r="P826" s="32"/>
    </row>
    <row r="827" spans="1:16" ht="16.5" customHeight="1">
      <c r="A827" s="51"/>
      <c r="B827" s="42"/>
      <c r="C827" s="42"/>
      <c r="D827" s="42"/>
      <c r="E827" s="42"/>
      <c r="F827" s="42"/>
      <c r="G827" s="42"/>
      <c r="H827" s="42"/>
      <c r="I827" s="42"/>
      <c r="J827" s="32"/>
      <c r="L827" s="73"/>
      <c r="M827" s="13"/>
      <c r="N827" s="31"/>
      <c r="P827" s="32"/>
    </row>
    <row r="828" spans="1:16" ht="16.5" customHeight="1">
      <c r="A828" s="51"/>
      <c r="B828" s="42"/>
      <c r="C828" s="42"/>
      <c r="D828" s="42"/>
      <c r="E828" s="42"/>
      <c r="F828" s="42"/>
      <c r="G828" s="42"/>
      <c r="H828" s="42"/>
      <c r="I828" s="42"/>
      <c r="J828" s="32"/>
      <c r="L828" s="73"/>
      <c r="M828" s="13"/>
      <c r="N828" s="31"/>
      <c r="P828" s="32"/>
    </row>
    <row r="829" spans="1:16" ht="16.5" customHeight="1">
      <c r="A829" s="51"/>
      <c r="B829" s="42"/>
      <c r="C829" s="42"/>
      <c r="D829" s="42"/>
      <c r="E829" s="42"/>
      <c r="F829" s="42"/>
      <c r="G829" s="42"/>
      <c r="H829" s="42"/>
      <c r="I829" s="42"/>
      <c r="J829" s="32"/>
      <c r="L829" s="73"/>
      <c r="M829" s="13"/>
      <c r="N829" s="31"/>
      <c r="P829" s="32"/>
    </row>
    <row r="830" spans="1:16" ht="16.5" customHeight="1">
      <c r="A830" s="51"/>
      <c r="B830" s="42"/>
      <c r="C830" s="42"/>
      <c r="D830" s="42"/>
      <c r="E830" s="42"/>
      <c r="F830" s="42"/>
      <c r="G830" s="42"/>
      <c r="H830" s="42"/>
      <c r="I830" s="42"/>
      <c r="J830" s="32"/>
      <c r="L830" s="73"/>
      <c r="M830" s="13"/>
      <c r="N830" s="31"/>
      <c r="P830" s="32"/>
    </row>
    <row r="831" spans="1:16" ht="16.5" customHeight="1">
      <c r="A831" s="51"/>
      <c r="B831" s="42"/>
      <c r="C831" s="42"/>
      <c r="D831" s="42"/>
      <c r="E831" s="42"/>
      <c r="F831" s="42"/>
      <c r="G831" s="42"/>
      <c r="H831" s="42"/>
      <c r="I831" s="42"/>
      <c r="J831" s="32"/>
      <c r="L831" s="73"/>
      <c r="M831" s="13"/>
      <c r="N831" s="31"/>
      <c r="P831" s="32"/>
    </row>
    <row r="832" spans="1:16" ht="16.5" customHeight="1">
      <c r="A832" s="51"/>
      <c r="B832" s="42"/>
      <c r="C832" s="42"/>
      <c r="D832" s="42"/>
      <c r="E832" s="42"/>
      <c r="F832" s="42"/>
      <c r="G832" s="42"/>
      <c r="H832" s="42"/>
      <c r="I832" s="42"/>
      <c r="J832" s="32"/>
      <c r="L832" s="73"/>
      <c r="M832" s="13"/>
      <c r="N832" s="31"/>
      <c r="P832" s="32"/>
    </row>
    <row r="833" spans="1:16" ht="16.5" customHeight="1">
      <c r="A833" s="51"/>
      <c r="B833" s="42"/>
      <c r="C833" s="42"/>
      <c r="D833" s="42"/>
      <c r="E833" s="42"/>
      <c r="F833" s="42"/>
      <c r="G833" s="42"/>
      <c r="H833" s="42"/>
      <c r="I833" s="42"/>
      <c r="J833" s="32"/>
      <c r="L833" s="73"/>
      <c r="M833" s="13"/>
      <c r="N833" s="31"/>
      <c r="P833" s="32"/>
    </row>
    <row r="834" spans="1:16" ht="16.5" customHeight="1">
      <c r="A834" s="51"/>
      <c r="B834" s="42"/>
      <c r="C834" s="42"/>
      <c r="D834" s="42"/>
      <c r="E834" s="42"/>
      <c r="F834" s="42"/>
      <c r="G834" s="42"/>
      <c r="H834" s="42"/>
      <c r="I834" s="42"/>
      <c r="J834" s="32"/>
      <c r="L834" s="73"/>
      <c r="M834" s="13"/>
      <c r="N834" s="31"/>
      <c r="P834" s="32"/>
    </row>
    <row r="835" spans="1:16" ht="16.5" customHeight="1">
      <c r="A835" s="51"/>
      <c r="B835" s="42"/>
      <c r="C835" s="42"/>
      <c r="D835" s="42"/>
      <c r="E835" s="42"/>
      <c r="F835" s="42"/>
      <c r="G835" s="42"/>
      <c r="H835" s="42"/>
      <c r="I835" s="42"/>
      <c r="J835" s="32"/>
      <c r="L835" s="73"/>
      <c r="M835" s="13"/>
      <c r="N835" s="31"/>
      <c r="P835" s="32"/>
    </row>
    <row r="836" spans="1:16" ht="16.5" customHeight="1">
      <c r="A836" s="51"/>
      <c r="B836" s="42"/>
      <c r="C836" s="42"/>
      <c r="D836" s="42"/>
      <c r="E836" s="42"/>
      <c r="F836" s="42"/>
      <c r="G836" s="42"/>
      <c r="H836" s="42"/>
      <c r="I836" s="42"/>
      <c r="J836" s="32"/>
      <c r="L836" s="73"/>
      <c r="M836" s="13"/>
      <c r="N836" s="31"/>
      <c r="P836" s="32"/>
    </row>
    <row r="837" spans="1:16" ht="16.5" customHeight="1">
      <c r="A837" s="61"/>
      <c r="B837" s="62"/>
      <c r="C837" s="62"/>
      <c r="D837" s="62"/>
      <c r="E837" s="62"/>
      <c r="F837" s="62"/>
      <c r="G837" s="62"/>
      <c r="H837" s="62"/>
      <c r="I837" s="62"/>
      <c r="J837" s="35"/>
      <c r="K837" s="78"/>
      <c r="L837" s="79"/>
      <c r="M837" s="14"/>
      <c r="N837" s="33"/>
      <c r="O837" s="34"/>
      <c r="P837" s="35"/>
    </row>
    <row r="838" spans="1:16" ht="16.5" customHeight="1">
      <c r="A838" s="63" t="s">
        <v>283</v>
      </c>
      <c r="B838" s="64"/>
      <c r="C838" s="64"/>
      <c r="D838" s="64"/>
      <c r="E838" s="64"/>
      <c r="F838" s="64"/>
      <c r="G838" s="64"/>
      <c r="H838" s="64"/>
      <c r="I838" s="64"/>
      <c r="J838" s="37"/>
      <c r="K838" s="80"/>
      <c r="L838" s="81"/>
      <c r="M838" s="15"/>
      <c r="N838" s="38"/>
      <c r="O838" s="36"/>
      <c r="P838" s="37"/>
    </row>
    <row r="839" spans="1:16" ht="16.5" customHeight="1">
      <c r="A839" s="51" t="s">
        <v>109</v>
      </c>
      <c r="B839" s="42"/>
      <c r="C839" s="42"/>
      <c r="D839" s="42"/>
      <c r="E839" s="42"/>
      <c r="F839" s="42"/>
      <c r="G839" s="42"/>
      <c r="H839" s="42"/>
      <c r="I839" s="42"/>
      <c r="K839" s="82"/>
      <c r="L839" s="73"/>
      <c r="M839" s="13"/>
      <c r="N839" s="31"/>
      <c r="P839" s="32"/>
    </row>
    <row r="840" spans="1:16" ht="16.5" customHeight="1">
      <c r="A840" s="51"/>
      <c r="B840" s="42" t="s">
        <v>609</v>
      </c>
      <c r="C840" s="42"/>
      <c r="D840" s="42"/>
      <c r="E840" s="42"/>
      <c r="F840" s="42"/>
      <c r="G840" s="42"/>
      <c r="H840" s="42"/>
      <c r="I840" s="42"/>
      <c r="K840" s="83"/>
      <c r="L840" s="73"/>
      <c r="M840" s="13" t="s">
        <v>38</v>
      </c>
      <c r="N840" s="31"/>
      <c r="P840" s="32"/>
    </row>
    <row r="841" spans="1:16" ht="16.5" customHeight="1">
      <c r="A841" s="51"/>
      <c r="B841" s="42" t="s">
        <v>611</v>
      </c>
      <c r="C841" s="42"/>
      <c r="D841" s="42"/>
      <c r="E841" s="42"/>
      <c r="F841" s="42"/>
      <c r="G841" s="42"/>
      <c r="H841" s="42"/>
      <c r="I841" s="42"/>
      <c r="K841" s="83"/>
      <c r="L841" s="73"/>
      <c r="M841" s="13" t="s">
        <v>719</v>
      </c>
      <c r="N841" s="31"/>
      <c r="P841" s="32"/>
    </row>
    <row r="842" spans="1:16" ht="16.5" customHeight="1">
      <c r="A842" s="51"/>
      <c r="B842" s="42"/>
      <c r="C842" s="42" t="s">
        <v>698</v>
      </c>
      <c r="D842" s="42"/>
      <c r="E842" s="42"/>
      <c r="F842" s="42"/>
      <c r="G842" s="42"/>
      <c r="H842" s="42"/>
      <c r="I842" s="42"/>
      <c r="K842" s="83"/>
      <c r="L842" s="73"/>
      <c r="M842" s="13" t="s">
        <v>720</v>
      </c>
      <c r="N842" s="31"/>
      <c r="P842" s="32"/>
    </row>
    <row r="843" spans="1:16" ht="16.5" customHeight="1">
      <c r="A843" s="51"/>
      <c r="B843" s="42" t="s">
        <v>614</v>
      </c>
      <c r="C843" s="42"/>
      <c r="D843" s="42"/>
      <c r="E843" s="42"/>
      <c r="F843" s="42"/>
      <c r="G843" s="42"/>
      <c r="H843" s="42"/>
      <c r="I843" s="42"/>
      <c r="K843" s="83"/>
      <c r="L843" s="73"/>
      <c r="M843" s="13" t="s">
        <v>721</v>
      </c>
      <c r="N843" s="31"/>
      <c r="P843" s="32"/>
    </row>
    <row r="844" spans="1:16" ht="16.5" customHeight="1">
      <c r="A844" s="51"/>
      <c r="B844" s="42" t="s">
        <v>235</v>
      </c>
      <c r="C844" s="42"/>
      <c r="D844" s="42"/>
      <c r="E844" s="42"/>
      <c r="F844" s="42"/>
      <c r="G844" s="42"/>
      <c r="H844" s="42"/>
      <c r="I844" s="42"/>
      <c r="K844" s="83"/>
      <c r="L844" s="73"/>
      <c r="M844" s="13" t="s">
        <v>722</v>
      </c>
      <c r="N844" s="31"/>
      <c r="P844" s="32"/>
    </row>
    <row r="845" spans="1:16" ht="16.5" customHeight="1">
      <c r="A845" s="51"/>
      <c r="B845" s="42"/>
      <c r="C845" s="42" t="s">
        <v>699</v>
      </c>
      <c r="D845" s="42"/>
      <c r="E845" s="42"/>
      <c r="F845" s="42"/>
      <c r="G845" s="42"/>
      <c r="H845" s="42"/>
      <c r="I845" s="42"/>
      <c r="K845" s="83"/>
      <c r="L845" s="73"/>
      <c r="M845" s="13" t="s">
        <v>37</v>
      </c>
      <c r="N845" s="31"/>
      <c r="P845" s="32"/>
    </row>
    <row r="846" spans="1:16" ht="16.5" customHeight="1">
      <c r="A846" s="51"/>
      <c r="B846" s="42" t="s">
        <v>615</v>
      </c>
      <c r="C846" s="42"/>
      <c r="D846" s="42"/>
      <c r="E846" s="42"/>
      <c r="F846" s="42"/>
      <c r="G846" s="42"/>
      <c r="H846" s="42"/>
      <c r="I846" s="42"/>
      <c r="K846" s="92" t="s">
        <v>179</v>
      </c>
      <c r="L846" s="91" t="s">
        <v>179</v>
      </c>
      <c r="M846" s="13" t="s">
        <v>34</v>
      </c>
      <c r="N846" s="31"/>
      <c r="P846" s="32"/>
    </row>
    <row r="847" spans="1:16" ht="16.5" customHeight="1">
      <c r="A847" s="51"/>
      <c r="B847" s="42" t="s">
        <v>616</v>
      </c>
      <c r="C847" s="42"/>
      <c r="D847" s="42"/>
      <c r="E847" s="42"/>
      <c r="F847" s="42"/>
      <c r="G847" s="42"/>
      <c r="H847" s="42"/>
      <c r="I847" s="42"/>
      <c r="K847" s="83"/>
      <c r="L847" s="73"/>
      <c r="M847" s="13"/>
      <c r="N847" s="31"/>
      <c r="P847" s="32"/>
    </row>
    <row r="848" spans="1:16" ht="16.5" customHeight="1">
      <c r="A848" s="51"/>
      <c r="B848" s="42" t="s">
        <v>617</v>
      </c>
      <c r="C848" s="42"/>
      <c r="D848" s="42"/>
      <c r="E848" s="42"/>
      <c r="F848" s="42"/>
      <c r="G848" s="42"/>
      <c r="H848" s="42"/>
      <c r="I848" s="42"/>
      <c r="K848" s="92" t="s">
        <v>179</v>
      </c>
      <c r="L848" s="91" t="s">
        <v>179</v>
      </c>
      <c r="M848" s="13"/>
      <c r="N848" s="31"/>
      <c r="P848" s="32"/>
    </row>
    <row r="849" spans="1:16" ht="16.5" customHeight="1">
      <c r="A849" s="51"/>
      <c r="B849" s="42" t="s">
        <v>618</v>
      </c>
      <c r="C849" s="42"/>
      <c r="D849" s="42"/>
      <c r="E849" s="42"/>
      <c r="F849" s="42"/>
      <c r="G849" s="42"/>
      <c r="H849" s="42"/>
      <c r="I849" s="42"/>
      <c r="K849" s="83"/>
      <c r="L849" s="73"/>
      <c r="M849" s="13"/>
      <c r="N849" s="31"/>
      <c r="P849" s="32"/>
    </row>
    <row r="850" spans="1:16" ht="16.5" customHeight="1">
      <c r="A850" s="51"/>
      <c r="B850" s="42" t="s">
        <v>619</v>
      </c>
      <c r="C850" s="42"/>
      <c r="D850" s="42"/>
      <c r="E850" s="42"/>
      <c r="F850" s="42"/>
      <c r="G850" s="42"/>
      <c r="H850" s="42"/>
      <c r="I850" s="42"/>
      <c r="K850" s="83"/>
      <c r="L850" s="73"/>
      <c r="M850" s="13"/>
      <c r="N850" s="31"/>
      <c r="P850" s="32"/>
    </row>
    <row r="851" spans="1:16" ht="16.5" customHeight="1">
      <c r="A851" s="51"/>
      <c r="B851" s="42" t="s">
        <v>620</v>
      </c>
      <c r="C851" s="42"/>
      <c r="D851" s="42"/>
      <c r="E851" s="42"/>
      <c r="F851" s="42"/>
      <c r="G851" s="42"/>
      <c r="H851" s="42"/>
      <c r="I851" s="42"/>
      <c r="K851" s="83"/>
      <c r="L851" s="73"/>
      <c r="M851" s="13"/>
      <c r="N851" s="31"/>
      <c r="P851" s="32"/>
    </row>
    <row r="852" spans="1:16" ht="16.5" customHeight="1">
      <c r="A852" s="51"/>
      <c r="B852" s="42"/>
      <c r="C852" s="42" t="s">
        <v>701</v>
      </c>
      <c r="D852" s="42"/>
      <c r="E852" s="42"/>
      <c r="F852" s="42"/>
      <c r="G852" s="42"/>
      <c r="H852" s="42"/>
      <c r="I852" s="42"/>
      <c r="K852" s="83"/>
      <c r="L852" s="73"/>
      <c r="M852" s="13"/>
      <c r="N852" s="31"/>
      <c r="P852" s="32"/>
    </row>
    <row r="853" spans="1:16" ht="16.5" customHeight="1">
      <c r="A853" s="51"/>
      <c r="B853" s="42" t="s">
        <v>650</v>
      </c>
      <c r="C853" s="42"/>
      <c r="D853" s="42"/>
      <c r="E853" s="42"/>
      <c r="F853" s="42"/>
      <c r="G853" s="42"/>
      <c r="H853" s="42"/>
      <c r="I853" s="42"/>
      <c r="K853" s="92" t="s">
        <v>179</v>
      </c>
      <c r="L853" s="91" t="s">
        <v>179</v>
      </c>
      <c r="M853" s="13"/>
      <c r="N853" s="31"/>
      <c r="P853" s="32"/>
    </row>
    <row r="854" spans="1:16" ht="16.5" customHeight="1">
      <c r="A854" s="51"/>
      <c r="B854" s="42" t="s">
        <v>612</v>
      </c>
      <c r="C854" s="42"/>
      <c r="D854" s="42"/>
      <c r="E854" s="42"/>
      <c r="F854" s="42"/>
      <c r="G854" s="42"/>
      <c r="H854" s="42"/>
      <c r="I854" s="42"/>
      <c r="K854" s="83"/>
      <c r="L854" s="73"/>
      <c r="M854" s="13"/>
      <c r="N854" s="31"/>
      <c r="P854" s="32"/>
    </row>
    <row r="855" spans="1:16" ht="16.5" customHeight="1">
      <c r="A855" s="51"/>
      <c r="B855" s="42" t="s">
        <v>613</v>
      </c>
      <c r="C855" s="42"/>
      <c r="D855" s="42"/>
      <c r="E855" s="42"/>
      <c r="F855" s="42"/>
      <c r="G855" s="42"/>
      <c r="H855" s="42"/>
      <c r="I855" s="42"/>
      <c r="K855" s="83"/>
      <c r="L855" s="73"/>
      <c r="M855" s="13"/>
      <c r="N855" s="31"/>
      <c r="P855" s="32"/>
    </row>
    <row r="856" spans="1:16" ht="16.5" customHeight="1">
      <c r="A856" s="51"/>
      <c r="B856" s="42"/>
      <c r="C856" s="42" t="s">
        <v>700</v>
      </c>
      <c r="D856" s="42"/>
      <c r="E856" s="42"/>
      <c r="F856" s="42"/>
      <c r="G856" s="42"/>
      <c r="H856" s="42"/>
      <c r="I856" s="42"/>
      <c r="K856" s="83"/>
      <c r="L856" s="73"/>
      <c r="M856" s="13"/>
      <c r="N856" s="31"/>
      <c r="P856" s="32"/>
    </row>
    <row r="857" spans="1:16" ht="16.5" customHeight="1">
      <c r="A857" s="51"/>
      <c r="B857" s="42" t="s">
        <v>651</v>
      </c>
      <c r="C857" s="42"/>
      <c r="D857" s="42"/>
      <c r="E857" s="42"/>
      <c r="F857" s="42"/>
      <c r="G857" s="42"/>
      <c r="H857" s="42"/>
      <c r="I857" s="42"/>
      <c r="K857" s="83"/>
      <c r="L857" s="73"/>
      <c r="M857" s="13"/>
      <c r="N857" s="31"/>
      <c r="P857" s="32"/>
    </row>
    <row r="858" spans="1:16" ht="16.5" customHeight="1">
      <c r="A858" s="51"/>
      <c r="B858" s="42"/>
      <c r="C858" s="42" t="s">
        <v>702</v>
      </c>
      <c r="D858" s="42"/>
      <c r="E858" s="42"/>
      <c r="F858" s="42"/>
      <c r="G858" s="42"/>
      <c r="H858" s="42"/>
      <c r="I858" s="42"/>
      <c r="K858" s="83"/>
      <c r="L858" s="73"/>
      <c r="M858" s="13"/>
      <c r="N858" s="31"/>
      <c r="P858" s="32"/>
    </row>
    <row r="859" spans="1:16" ht="16.5" customHeight="1">
      <c r="A859" s="51"/>
      <c r="B859" s="42"/>
      <c r="C859" s="42"/>
      <c r="D859" s="42"/>
      <c r="E859" s="42"/>
      <c r="F859" s="42"/>
      <c r="G859" s="42"/>
      <c r="H859" s="42"/>
      <c r="I859" s="42"/>
      <c r="K859" s="83"/>
      <c r="L859" s="73"/>
      <c r="M859" s="13"/>
      <c r="N859" s="31"/>
      <c r="P859" s="32"/>
    </row>
    <row r="860" spans="1:16" ht="16.5" customHeight="1">
      <c r="A860" s="51"/>
      <c r="B860" s="42"/>
      <c r="C860" s="42"/>
      <c r="D860" s="42"/>
      <c r="E860" s="42"/>
      <c r="F860" s="42"/>
      <c r="G860" s="42"/>
      <c r="H860" s="42"/>
      <c r="I860" s="42"/>
      <c r="K860" s="83"/>
      <c r="L860" s="73"/>
      <c r="M860" s="13"/>
      <c r="N860" s="31"/>
      <c r="P860" s="32"/>
    </row>
    <row r="861" spans="1:16" ht="16.5" customHeight="1">
      <c r="A861" s="51"/>
      <c r="B861" s="42"/>
      <c r="C861" s="42"/>
      <c r="D861" s="42"/>
      <c r="E861" s="42"/>
      <c r="F861" s="42"/>
      <c r="G861" s="42"/>
      <c r="H861" s="42"/>
      <c r="I861" s="42"/>
      <c r="K861" s="83"/>
      <c r="L861" s="73"/>
      <c r="M861" s="13"/>
      <c r="N861" s="31"/>
      <c r="P861" s="32"/>
    </row>
    <row r="862" spans="1:16" ht="16.5" customHeight="1">
      <c r="A862" s="51"/>
      <c r="B862" s="42"/>
      <c r="C862" s="42"/>
      <c r="D862" s="42"/>
      <c r="E862" s="42"/>
      <c r="F862" s="42"/>
      <c r="G862" s="42"/>
      <c r="H862" s="42"/>
      <c r="I862" s="42"/>
      <c r="K862" s="83"/>
      <c r="L862" s="73"/>
      <c r="M862" s="13"/>
      <c r="N862" s="31"/>
      <c r="P862" s="32"/>
    </row>
    <row r="863" spans="1:16" ht="16.5" customHeight="1">
      <c r="A863" s="51"/>
      <c r="B863" s="42"/>
      <c r="C863" s="42"/>
      <c r="D863" s="42"/>
      <c r="E863" s="42"/>
      <c r="F863" s="42"/>
      <c r="G863" s="42"/>
      <c r="H863" s="42"/>
      <c r="I863" s="42"/>
      <c r="K863" s="83"/>
      <c r="L863" s="73"/>
      <c r="M863" s="13"/>
      <c r="N863" s="31"/>
      <c r="P863" s="32"/>
    </row>
    <row r="864" spans="1:16" ht="16.5" customHeight="1">
      <c r="A864" s="51"/>
      <c r="B864" s="42"/>
      <c r="C864" s="42"/>
      <c r="D864" s="42"/>
      <c r="E864" s="42"/>
      <c r="F864" s="42"/>
      <c r="G864" s="42"/>
      <c r="H864" s="42"/>
      <c r="I864" s="42"/>
      <c r="K864" s="83"/>
      <c r="L864" s="73"/>
      <c r="M864" s="13"/>
      <c r="N864" s="31"/>
      <c r="P864" s="32"/>
    </row>
    <row r="865" spans="1:16" ht="16.5" customHeight="1">
      <c r="A865" s="51"/>
      <c r="B865" s="42"/>
      <c r="C865" s="42"/>
      <c r="D865" s="42"/>
      <c r="E865" s="42"/>
      <c r="F865" s="42"/>
      <c r="G865" s="42"/>
      <c r="H865" s="42"/>
      <c r="I865" s="42"/>
      <c r="K865" s="83"/>
      <c r="L865" s="73"/>
      <c r="M865" s="13"/>
      <c r="N865" s="31"/>
      <c r="P865" s="32"/>
    </row>
    <row r="866" spans="1:16" ht="16.5" customHeight="1">
      <c r="A866" s="51"/>
      <c r="B866" s="42"/>
      <c r="C866" s="42"/>
      <c r="D866" s="42"/>
      <c r="E866" s="42"/>
      <c r="F866" s="42"/>
      <c r="G866" s="42"/>
      <c r="H866" s="42"/>
      <c r="I866" s="42"/>
      <c r="K866" s="83"/>
      <c r="L866" s="73"/>
      <c r="M866" s="13"/>
      <c r="N866" s="31"/>
      <c r="P866" s="32"/>
    </row>
    <row r="867" spans="1:16" ht="16.5" customHeight="1">
      <c r="A867" s="51"/>
      <c r="B867" s="42"/>
      <c r="C867" s="42"/>
      <c r="D867" s="42"/>
      <c r="E867" s="42"/>
      <c r="F867" s="42"/>
      <c r="G867" s="42"/>
      <c r="H867" s="42"/>
      <c r="I867" s="42"/>
      <c r="K867" s="83"/>
      <c r="L867" s="73"/>
      <c r="M867" s="13"/>
      <c r="N867" s="31"/>
      <c r="P867" s="32"/>
    </row>
    <row r="868" spans="1:16" ht="16.5" customHeight="1">
      <c r="A868" s="51"/>
      <c r="B868" s="42"/>
      <c r="C868" s="42"/>
      <c r="D868" s="42"/>
      <c r="E868" s="42"/>
      <c r="F868" s="42"/>
      <c r="G868" s="42"/>
      <c r="H868" s="42"/>
      <c r="I868" s="42"/>
      <c r="K868" s="83"/>
      <c r="L868" s="73"/>
      <c r="M868" s="13"/>
      <c r="N868" s="31"/>
      <c r="P868" s="32"/>
    </row>
    <row r="869" spans="1:16" ht="16.5" customHeight="1">
      <c r="A869" s="51"/>
      <c r="B869" s="42"/>
      <c r="C869" s="42"/>
      <c r="D869" s="42"/>
      <c r="E869" s="42"/>
      <c r="F869" s="42"/>
      <c r="G869" s="42"/>
      <c r="H869" s="42"/>
      <c r="I869" s="42"/>
      <c r="K869" s="83"/>
      <c r="L869" s="73"/>
      <c r="M869" s="13"/>
      <c r="N869" s="31"/>
      <c r="P869" s="32"/>
    </row>
    <row r="870" spans="1:16" ht="16.5" customHeight="1">
      <c r="A870" s="51"/>
      <c r="B870" s="42"/>
      <c r="C870" s="42"/>
      <c r="D870" s="42"/>
      <c r="E870" s="42"/>
      <c r="F870" s="42"/>
      <c r="G870" s="42"/>
      <c r="H870" s="42"/>
      <c r="I870" s="42"/>
      <c r="K870" s="83"/>
      <c r="L870" s="73"/>
      <c r="M870" s="13"/>
      <c r="N870" s="31"/>
      <c r="P870" s="32"/>
    </row>
    <row r="871" spans="1:16" ht="16.5" customHeight="1">
      <c r="A871" s="51"/>
      <c r="B871" s="42"/>
      <c r="C871" s="42"/>
      <c r="D871" s="42"/>
      <c r="E871" s="42"/>
      <c r="F871" s="42"/>
      <c r="G871" s="42"/>
      <c r="H871" s="42"/>
      <c r="I871" s="42"/>
      <c r="K871" s="83"/>
      <c r="L871" s="73"/>
      <c r="M871" s="13"/>
      <c r="N871" s="31"/>
      <c r="P871" s="32"/>
    </row>
    <row r="872" spans="1:16" ht="16.5" customHeight="1">
      <c r="A872" s="51"/>
      <c r="B872" s="42"/>
      <c r="C872" s="42"/>
      <c r="D872" s="42"/>
      <c r="E872" s="42"/>
      <c r="F872" s="42"/>
      <c r="G872" s="42"/>
      <c r="H872" s="42"/>
      <c r="I872" s="42"/>
      <c r="K872" s="83"/>
      <c r="L872" s="73"/>
      <c r="M872" s="13"/>
      <c r="N872" s="31"/>
      <c r="P872" s="32"/>
    </row>
    <row r="873" spans="1:16" ht="16.5" customHeight="1">
      <c r="A873" s="51"/>
      <c r="B873" s="42"/>
      <c r="C873" s="42"/>
      <c r="D873" s="42"/>
      <c r="E873" s="42"/>
      <c r="F873" s="42"/>
      <c r="G873" s="42"/>
      <c r="H873" s="42"/>
      <c r="I873" s="42"/>
      <c r="K873" s="83"/>
      <c r="L873" s="73"/>
      <c r="M873" s="13"/>
      <c r="N873" s="31"/>
      <c r="P873" s="32"/>
    </row>
    <row r="874" spans="1:16" ht="16.5" customHeight="1">
      <c r="A874" s="51"/>
      <c r="B874" s="42"/>
      <c r="C874" s="42"/>
      <c r="D874" s="42"/>
      <c r="E874" s="42"/>
      <c r="F874" s="42"/>
      <c r="G874" s="42"/>
      <c r="H874" s="42"/>
      <c r="I874" s="42"/>
      <c r="K874" s="83"/>
      <c r="L874" s="73"/>
      <c r="M874" s="13"/>
      <c r="N874" s="31"/>
      <c r="P874" s="32"/>
    </row>
    <row r="875" spans="1:16" ht="16.5" customHeight="1">
      <c r="A875" s="51"/>
      <c r="B875" s="42"/>
      <c r="C875" s="42"/>
      <c r="D875" s="42"/>
      <c r="E875" s="42"/>
      <c r="F875" s="42"/>
      <c r="G875" s="42"/>
      <c r="H875" s="42"/>
      <c r="I875" s="42"/>
      <c r="K875" s="83"/>
      <c r="L875" s="73"/>
      <c r="M875" s="13"/>
      <c r="N875" s="31"/>
      <c r="P875" s="32"/>
    </row>
    <row r="876" spans="1:16" ht="16.5" customHeight="1">
      <c r="A876" s="51"/>
      <c r="B876" s="42"/>
      <c r="C876" s="42"/>
      <c r="D876" s="42"/>
      <c r="E876" s="42"/>
      <c r="F876" s="42"/>
      <c r="G876" s="42"/>
      <c r="H876" s="42"/>
      <c r="I876" s="42"/>
      <c r="K876" s="83"/>
      <c r="L876" s="73"/>
      <c r="M876" s="13"/>
      <c r="N876" s="31"/>
      <c r="P876" s="32"/>
    </row>
    <row r="877" spans="1:16" ht="16.5" customHeight="1">
      <c r="A877" s="51"/>
      <c r="B877" s="42"/>
      <c r="C877" s="42"/>
      <c r="D877" s="42"/>
      <c r="E877" s="42"/>
      <c r="F877" s="42"/>
      <c r="G877" s="42"/>
      <c r="H877" s="42"/>
      <c r="I877" s="42"/>
      <c r="K877" s="83"/>
      <c r="L877" s="73"/>
      <c r="M877" s="13"/>
      <c r="N877" s="31"/>
      <c r="P877" s="32"/>
    </row>
    <row r="878" spans="1:16" ht="16.5" customHeight="1">
      <c r="A878" s="51"/>
      <c r="B878" s="42"/>
      <c r="C878" s="42"/>
      <c r="D878" s="42"/>
      <c r="E878" s="42"/>
      <c r="F878" s="42"/>
      <c r="G878" s="42"/>
      <c r="H878" s="42"/>
      <c r="I878" s="42"/>
      <c r="K878" s="83"/>
      <c r="L878" s="73"/>
      <c r="M878" s="13"/>
      <c r="N878" s="31"/>
      <c r="P878" s="32"/>
    </row>
    <row r="879" spans="1:16" ht="16.5" customHeight="1">
      <c r="A879" s="51"/>
      <c r="B879" s="42"/>
      <c r="C879" s="42"/>
      <c r="D879" s="42"/>
      <c r="E879" s="42"/>
      <c r="F879" s="42"/>
      <c r="G879" s="42"/>
      <c r="H879" s="42"/>
      <c r="I879" s="42"/>
      <c r="K879" s="83"/>
      <c r="L879" s="73"/>
      <c r="M879" s="13"/>
      <c r="N879" s="31"/>
      <c r="P879" s="32"/>
    </row>
    <row r="880" spans="1:16" ht="16.5" customHeight="1">
      <c r="A880" s="51"/>
      <c r="B880" s="42"/>
      <c r="C880" s="42"/>
      <c r="D880" s="42"/>
      <c r="E880" s="42"/>
      <c r="F880" s="42"/>
      <c r="G880" s="42"/>
      <c r="H880" s="42"/>
      <c r="I880" s="42"/>
      <c r="K880" s="83"/>
      <c r="L880" s="73"/>
      <c r="M880" s="13"/>
      <c r="N880" s="31"/>
      <c r="P880" s="32"/>
    </row>
    <row r="881" spans="1:16" ht="16.5" customHeight="1">
      <c r="A881" s="51"/>
      <c r="B881" s="42"/>
      <c r="C881" s="42"/>
      <c r="D881" s="42"/>
      <c r="E881" s="42"/>
      <c r="F881" s="42"/>
      <c r="G881" s="42"/>
      <c r="H881" s="42"/>
      <c r="I881" s="42"/>
      <c r="K881" s="83"/>
      <c r="L881" s="73"/>
      <c r="M881" s="13"/>
      <c r="N881" s="31"/>
      <c r="P881" s="32"/>
    </row>
    <row r="882" spans="1:16" ht="16.5" customHeight="1">
      <c r="A882" s="51"/>
      <c r="B882" s="42"/>
      <c r="C882" s="42"/>
      <c r="D882" s="42"/>
      <c r="E882" s="42"/>
      <c r="F882" s="42"/>
      <c r="G882" s="42"/>
      <c r="H882" s="42"/>
      <c r="I882" s="42"/>
      <c r="K882" s="83"/>
      <c r="L882" s="73"/>
      <c r="M882" s="13"/>
      <c r="N882" s="31"/>
      <c r="P882" s="32"/>
    </row>
    <row r="883" spans="1:16" ht="16.5" customHeight="1">
      <c r="A883" s="51"/>
      <c r="B883" s="42"/>
      <c r="C883" s="42"/>
      <c r="D883" s="42"/>
      <c r="E883" s="42"/>
      <c r="F883" s="42"/>
      <c r="G883" s="42"/>
      <c r="H883" s="42"/>
      <c r="I883" s="42"/>
      <c r="K883" s="83"/>
      <c r="L883" s="73"/>
      <c r="M883" s="13"/>
      <c r="N883" s="31"/>
      <c r="P883" s="32"/>
    </row>
    <row r="884" spans="1:16" ht="16.5" customHeight="1">
      <c r="A884" s="61"/>
      <c r="B884" s="62"/>
      <c r="C884" s="62"/>
      <c r="D884" s="62"/>
      <c r="E884" s="62"/>
      <c r="F884" s="62"/>
      <c r="G884" s="62"/>
      <c r="H884" s="62"/>
      <c r="I884" s="62"/>
      <c r="J884" s="34"/>
      <c r="K884" s="84"/>
      <c r="L884" s="79"/>
      <c r="M884" s="14"/>
      <c r="N884" s="33"/>
      <c r="O884" s="34"/>
      <c r="P884" s="35"/>
    </row>
    <row r="885" spans="1:16" ht="16.5" customHeight="1">
      <c r="A885" s="51"/>
      <c r="B885" s="42" t="s">
        <v>652</v>
      </c>
      <c r="C885" s="42"/>
      <c r="D885" s="42"/>
      <c r="E885" s="42"/>
      <c r="F885" s="42"/>
      <c r="G885" s="42"/>
      <c r="H885" s="42"/>
      <c r="I885" s="42"/>
      <c r="K885" s="83"/>
      <c r="L885" s="73"/>
      <c r="M885" s="13"/>
      <c r="N885" s="31"/>
      <c r="P885" s="32"/>
    </row>
    <row r="886" spans="1:16" ht="16.5" customHeight="1">
      <c r="A886" s="51"/>
      <c r="B886" s="42" t="s">
        <v>211</v>
      </c>
      <c r="C886" s="42"/>
      <c r="D886" s="42"/>
      <c r="E886" s="42"/>
      <c r="F886" s="42"/>
      <c r="G886" s="42"/>
      <c r="H886" s="42"/>
      <c r="I886" s="42"/>
      <c r="K886" s="83"/>
      <c r="L886" s="73"/>
      <c r="M886" s="13" t="s">
        <v>262</v>
      </c>
      <c r="N886" s="31"/>
      <c r="P886" s="32"/>
    </row>
    <row r="887" spans="1:16" ht="16.5" customHeight="1">
      <c r="A887" s="51"/>
      <c r="B887" s="42" t="s">
        <v>210</v>
      </c>
      <c r="C887" s="42"/>
      <c r="D887" s="42"/>
      <c r="E887" s="42"/>
      <c r="F887" s="42"/>
      <c r="G887" s="42"/>
      <c r="H887" s="42"/>
      <c r="I887" s="42"/>
      <c r="K887" s="83"/>
      <c r="L887" s="73"/>
      <c r="M887" s="13" t="s">
        <v>29</v>
      </c>
      <c r="N887" s="31"/>
      <c r="P887" s="32"/>
    </row>
    <row r="888" spans="1:16" ht="16.5" customHeight="1">
      <c r="A888" s="51"/>
      <c r="B888" s="42" t="s">
        <v>473</v>
      </c>
      <c r="C888" s="42"/>
      <c r="D888" s="42"/>
      <c r="E888" s="42"/>
      <c r="F888" s="42"/>
      <c r="G888" s="42"/>
      <c r="H888" s="42"/>
      <c r="I888" s="42"/>
      <c r="K888" s="83"/>
      <c r="L888" s="73"/>
      <c r="M888" s="13" t="s">
        <v>30</v>
      </c>
      <c r="N888" s="31"/>
      <c r="P888" s="32"/>
    </row>
    <row r="889" spans="1:16" ht="16.5" customHeight="1">
      <c r="A889" s="51"/>
      <c r="B889" s="42"/>
      <c r="C889" s="42"/>
      <c r="D889" s="104"/>
      <c r="E889" s="101" t="s">
        <v>120</v>
      </c>
      <c r="F889" s="102" t="s">
        <v>121</v>
      </c>
      <c r="G889" s="103" t="s">
        <v>122</v>
      </c>
      <c r="H889" s="42"/>
      <c r="I889" s="42"/>
      <c r="K889" s="83"/>
      <c r="L889" s="73"/>
      <c r="M889" s="13" t="s">
        <v>31</v>
      </c>
      <c r="N889" s="31"/>
      <c r="P889" s="32"/>
    </row>
    <row r="890" spans="1:16" ht="16.5" customHeight="1">
      <c r="A890" s="51"/>
      <c r="B890" s="42"/>
      <c r="C890" s="42"/>
      <c r="D890" s="17" t="s">
        <v>114</v>
      </c>
      <c r="E890" s="105" t="s">
        <v>179</v>
      </c>
      <c r="F890" s="99" t="s">
        <v>179</v>
      </c>
      <c r="G890" s="100"/>
      <c r="H890" s="42"/>
      <c r="I890" s="42"/>
      <c r="K890" s="83"/>
      <c r="L890" s="73"/>
      <c r="M890" s="13" t="s">
        <v>265</v>
      </c>
      <c r="N890" s="31"/>
      <c r="P890" s="32"/>
    </row>
    <row r="891" spans="1:16" ht="16.5" customHeight="1">
      <c r="A891" s="51"/>
      <c r="B891" s="42"/>
      <c r="C891" s="42"/>
      <c r="D891" s="18" t="s">
        <v>115</v>
      </c>
      <c r="E891" s="106" t="s">
        <v>179</v>
      </c>
      <c r="F891" s="94" t="s">
        <v>179</v>
      </c>
      <c r="G891" s="98" t="s">
        <v>179</v>
      </c>
      <c r="H891" s="42"/>
      <c r="I891" s="42"/>
      <c r="K891" s="83"/>
      <c r="L891" s="73"/>
      <c r="M891" s="13" t="s">
        <v>266</v>
      </c>
      <c r="N891" s="31"/>
      <c r="P891" s="32"/>
    </row>
    <row r="892" spans="1:16" ht="16.5" customHeight="1">
      <c r="A892" s="51"/>
      <c r="B892" s="42"/>
      <c r="C892" s="42"/>
      <c r="D892" s="18" t="s">
        <v>116</v>
      </c>
      <c r="E892" s="106" t="s">
        <v>179</v>
      </c>
      <c r="F892" s="94" t="s">
        <v>179</v>
      </c>
      <c r="G892" s="65"/>
      <c r="H892" s="42"/>
      <c r="I892" s="42"/>
      <c r="K892" s="83"/>
      <c r="L892" s="73"/>
      <c r="M892" s="13" t="s">
        <v>32</v>
      </c>
      <c r="N892" s="31"/>
      <c r="P892" s="32"/>
    </row>
    <row r="893" spans="1:16" ht="16.5" customHeight="1">
      <c r="A893" s="51"/>
      <c r="B893" s="42"/>
      <c r="C893" s="42"/>
      <c r="D893" s="18" t="s">
        <v>117</v>
      </c>
      <c r="E893" s="106" t="s">
        <v>179</v>
      </c>
      <c r="F893" s="94" t="s">
        <v>179</v>
      </c>
      <c r="G893" s="98" t="s">
        <v>179</v>
      </c>
      <c r="H893" s="42"/>
      <c r="I893" s="42"/>
      <c r="K893" s="83"/>
      <c r="L893" s="73"/>
      <c r="M893" s="13" t="s">
        <v>33</v>
      </c>
      <c r="N893" s="31"/>
      <c r="P893" s="32"/>
    </row>
    <row r="894" spans="1:16" ht="16.5" customHeight="1">
      <c r="A894" s="51"/>
      <c r="B894" s="42"/>
      <c r="C894" s="42"/>
      <c r="D894" s="18" t="s">
        <v>118</v>
      </c>
      <c r="E894" s="106" t="s">
        <v>179</v>
      </c>
      <c r="F894" s="94" t="s">
        <v>179</v>
      </c>
      <c r="G894" s="98" t="s">
        <v>179</v>
      </c>
      <c r="H894" s="42"/>
      <c r="I894" s="42"/>
      <c r="K894" s="83"/>
      <c r="L894" s="73"/>
      <c r="M894" s="13" t="s">
        <v>315</v>
      </c>
      <c r="N894" s="31"/>
      <c r="P894" s="32"/>
    </row>
    <row r="895" spans="1:16" ht="16.5" customHeight="1">
      <c r="A895" s="51"/>
      <c r="B895" s="42"/>
      <c r="C895" s="42"/>
      <c r="D895" s="122" t="s">
        <v>119</v>
      </c>
      <c r="E895" s="107" t="s">
        <v>179</v>
      </c>
      <c r="F895" s="96"/>
      <c r="G895" s="97"/>
      <c r="H895" s="42"/>
      <c r="I895" s="42"/>
      <c r="K895" s="83"/>
      <c r="L895" s="73"/>
      <c r="M895" s="13"/>
      <c r="N895" s="31"/>
      <c r="P895" s="32"/>
    </row>
    <row r="896" spans="1:16" ht="16.5" customHeight="1">
      <c r="A896" s="51"/>
      <c r="B896" s="42" t="s">
        <v>213</v>
      </c>
      <c r="C896" s="42"/>
      <c r="D896" s="42"/>
      <c r="E896" s="42"/>
      <c r="F896" s="42"/>
      <c r="G896" s="42"/>
      <c r="H896" s="42"/>
      <c r="I896" s="42"/>
      <c r="K896" s="92" t="s">
        <v>179</v>
      </c>
      <c r="L896" s="91" t="s">
        <v>179</v>
      </c>
      <c r="M896" s="13"/>
      <c r="N896" s="31"/>
      <c r="P896" s="32"/>
    </row>
    <row r="897" spans="1:16" ht="16.5" customHeight="1">
      <c r="A897" s="51"/>
      <c r="B897" s="42" t="s">
        <v>212</v>
      </c>
      <c r="C897" s="42"/>
      <c r="D897" s="42"/>
      <c r="E897" s="42"/>
      <c r="F897" s="42"/>
      <c r="G897" s="42"/>
      <c r="H897" s="42"/>
      <c r="I897" s="42"/>
      <c r="K897" s="83"/>
      <c r="L897" s="73"/>
      <c r="M897" s="13"/>
      <c r="N897" s="31"/>
      <c r="P897" s="32"/>
    </row>
    <row r="898" spans="1:16" ht="16.5" customHeight="1">
      <c r="A898" s="51"/>
      <c r="B898" s="42" t="s">
        <v>214</v>
      </c>
      <c r="C898" s="42"/>
      <c r="D898" s="42"/>
      <c r="E898" s="42"/>
      <c r="F898" s="42"/>
      <c r="G898" s="42"/>
      <c r="H898" s="42"/>
      <c r="I898" s="42"/>
      <c r="K898" s="83"/>
      <c r="L898" s="73"/>
      <c r="M898" s="13"/>
      <c r="N898" s="31"/>
      <c r="P898" s="32"/>
    </row>
    <row r="899" spans="1:16" ht="16.5" customHeight="1">
      <c r="A899" s="51"/>
      <c r="B899" s="42" t="s">
        <v>474</v>
      </c>
      <c r="C899" s="42"/>
      <c r="D899" s="42"/>
      <c r="E899" s="42"/>
      <c r="F899" s="42"/>
      <c r="G899" s="42"/>
      <c r="H899" s="42"/>
      <c r="I899" s="42"/>
      <c r="K899" s="83"/>
      <c r="L899" s="73"/>
      <c r="M899" s="13"/>
      <c r="N899" s="31"/>
      <c r="P899" s="32"/>
    </row>
    <row r="900" spans="1:16" ht="16.5" customHeight="1">
      <c r="A900" s="51"/>
      <c r="B900" s="42" t="s">
        <v>216</v>
      </c>
      <c r="C900" s="42"/>
      <c r="D900" s="42"/>
      <c r="E900" s="42"/>
      <c r="F900" s="42"/>
      <c r="G900" s="42"/>
      <c r="H900" s="42"/>
      <c r="I900" s="42"/>
      <c r="K900" s="92" t="s">
        <v>179</v>
      </c>
      <c r="L900" s="91" t="s">
        <v>179</v>
      </c>
      <c r="M900" s="13"/>
      <c r="N900" s="31"/>
      <c r="P900" s="32"/>
    </row>
    <row r="901" spans="1:16" ht="16.5" customHeight="1">
      <c r="A901" s="51"/>
      <c r="B901" s="42" t="s">
        <v>215</v>
      </c>
      <c r="C901" s="42"/>
      <c r="D901" s="42"/>
      <c r="E901" s="42"/>
      <c r="F901" s="42"/>
      <c r="G901" s="42"/>
      <c r="H901" s="42"/>
      <c r="I901" s="42"/>
      <c r="K901" s="83"/>
      <c r="L901" s="73"/>
      <c r="M901" s="13"/>
      <c r="N901" s="31"/>
      <c r="P901" s="32"/>
    </row>
    <row r="902" spans="1:16" ht="16.5" customHeight="1">
      <c r="A902" s="51"/>
      <c r="B902" s="42" t="s">
        <v>263</v>
      </c>
      <c r="C902" s="42"/>
      <c r="D902" s="42"/>
      <c r="E902" s="42"/>
      <c r="F902" s="42"/>
      <c r="G902" s="42"/>
      <c r="H902" s="42"/>
      <c r="I902" s="42"/>
      <c r="K902" s="92" t="s">
        <v>179</v>
      </c>
      <c r="L902" s="91" t="s">
        <v>179</v>
      </c>
      <c r="M902" s="13"/>
      <c r="N902" s="31"/>
      <c r="P902" s="32"/>
    </row>
    <row r="903" spans="1:16" ht="16.5" customHeight="1">
      <c r="A903" s="51"/>
      <c r="B903" s="42" t="s">
        <v>264</v>
      </c>
      <c r="C903" s="42"/>
      <c r="D903" s="42"/>
      <c r="E903" s="42"/>
      <c r="F903" s="42"/>
      <c r="G903" s="42"/>
      <c r="H903" s="42"/>
      <c r="I903" s="42"/>
      <c r="K903" s="83"/>
      <c r="L903" s="73"/>
      <c r="M903" s="13"/>
      <c r="N903" s="31"/>
      <c r="P903" s="32"/>
    </row>
    <row r="904" spans="1:16" ht="16.5" customHeight="1">
      <c r="A904" s="51"/>
      <c r="B904" s="42" t="s">
        <v>157</v>
      </c>
      <c r="C904" s="42"/>
      <c r="D904" s="42"/>
      <c r="E904" s="42"/>
      <c r="F904" s="42"/>
      <c r="G904" s="42"/>
      <c r="H904" s="42"/>
      <c r="I904" s="42"/>
      <c r="K904" s="83"/>
      <c r="L904" s="73"/>
      <c r="M904" s="13"/>
      <c r="N904" s="31"/>
      <c r="P904" s="32"/>
    </row>
    <row r="905" spans="1:16" ht="16.5" customHeight="1">
      <c r="A905" s="51"/>
      <c r="B905" s="42" t="s">
        <v>475</v>
      </c>
      <c r="C905" s="42"/>
      <c r="D905" s="42"/>
      <c r="E905" s="42"/>
      <c r="F905" s="42"/>
      <c r="G905" s="42"/>
      <c r="H905" s="42"/>
      <c r="I905" s="42"/>
      <c r="K905" s="83"/>
      <c r="L905" s="73"/>
      <c r="M905" s="13"/>
      <c r="N905" s="31"/>
      <c r="P905" s="32"/>
    </row>
    <row r="906" spans="1:16" ht="16.5" customHeight="1">
      <c r="A906" s="51"/>
      <c r="B906" s="42" t="s">
        <v>653</v>
      </c>
      <c r="C906" s="42"/>
      <c r="D906" s="66"/>
      <c r="E906" s="66"/>
      <c r="F906" s="66"/>
      <c r="G906" s="66"/>
      <c r="H906" s="66"/>
      <c r="I906" s="42"/>
      <c r="K906" s="92" t="s">
        <v>179</v>
      </c>
      <c r="L906" s="91" t="s">
        <v>179</v>
      </c>
      <c r="M906" s="13"/>
      <c r="N906" s="31"/>
      <c r="P906" s="32"/>
    </row>
    <row r="907" spans="1:16" ht="16.5" customHeight="1">
      <c r="A907" s="51"/>
      <c r="B907" s="42" t="s">
        <v>654</v>
      </c>
      <c r="C907" s="42"/>
      <c r="D907" s="66"/>
      <c r="E907" s="66"/>
      <c r="F907" s="66"/>
      <c r="G907" s="66"/>
      <c r="H907" s="66"/>
      <c r="I907" s="42"/>
      <c r="K907" s="92" t="s">
        <v>179</v>
      </c>
      <c r="L907" s="91" t="s">
        <v>179</v>
      </c>
      <c r="M907" s="13"/>
      <c r="N907" s="31"/>
      <c r="P907" s="32"/>
    </row>
    <row r="908" spans="1:16" ht="16.5" customHeight="1">
      <c r="A908" s="51"/>
      <c r="B908" s="42"/>
      <c r="C908" s="42"/>
      <c r="D908" s="66"/>
      <c r="E908" s="66"/>
      <c r="F908" s="66"/>
      <c r="G908" s="66"/>
      <c r="H908" s="66"/>
      <c r="I908" s="42"/>
      <c r="K908" s="83"/>
      <c r="L908" s="73"/>
      <c r="M908" s="13"/>
      <c r="N908" s="31"/>
      <c r="P908" s="32"/>
    </row>
    <row r="909" spans="1:16" ht="16.5" customHeight="1">
      <c r="A909" s="51"/>
      <c r="B909" s="42"/>
      <c r="C909" s="42"/>
      <c r="D909" s="66"/>
      <c r="E909" s="66"/>
      <c r="F909" s="66"/>
      <c r="G909" s="66"/>
      <c r="H909" s="66"/>
      <c r="I909" s="42"/>
      <c r="K909" s="83"/>
      <c r="L909" s="73"/>
      <c r="M909" s="13"/>
      <c r="N909" s="31"/>
      <c r="P909" s="32"/>
    </row>
    <row r="910" spans="1:16" ht="16.5" customHeight="1">
      <c r="A910" s="51"/>
      <c r="B910" s="42"/>
      <c r="C910" s="42"/>
      <c r="D910" s="66"/>
      <c r="E910" s="66"/>
      <c r="F910" s="66"/>
      <c r="G910" s="66"/>
      <c r="H910" s="66"/>
      <c r="I910" s="42"/>
      <c r="K910" s="83"/>
      <c r="L910" s="73"/>
      <c r="M910" s="13"/>
      <c r="N910" s="31"/>
      <c r="P910" s="32"/>
    </row>
    <row r="911" spans="1:16" ht="16.5" customHeight="1">
      <c r="A911" s="51"/>
      <c r="B911" s="42" t="s">
        <v>158</v>
      </c>
      <c r="C911" s="42"/>
      <c r="D911" s="42"/>
      <c r="E911" s="42"/>
      <c r="F911" s="42"/>
      <c r="G911" s="42"/>
      <c r="H911" s="42"/>
      <c r="I911" s="42"/>
      <c r="K911" s="83"/>
      <c r="L911" s="73"/>
      <c r="M911" s="13" t="s">
        <v>63</v>
      </c>
      <c r="N911" s="31"/>
      <c r="P911" s="32"/>
    </row>
    <row r="912" spans="1:16" ht="16.5" customHeight="1">
      <c r="A912" s="51"/>
      <c r="B912" s="42" t="s">
        <v>219</v>
      </c>
      <c r="C912" s="42"/>
      <c r="D912" s="42"/>
      <c r="E912" s="42"/>
      <c r="F912" s="42"/>
      <c r="G912" s="42"/>
      <c r="H912" s="42"/>
      <c r="I912" s="42"/>
      <c r="K912" s="83"/>
      <c r="L912" s="73"/>
      <c r="M912" s="13" t="s">
        <v>64</v>
      </c>
      <c r="N912" s="31"/>
      <c r="P912" s="32"/>
    </row>
    <row r="913" spans="1:16" ht="16.5" customHeight="1">
      <c r="A913" s="51"/>
      <c r="B913" s="42" t="s">
        <v>703</v>
      </c>
      <c r="C913" s="42"/>
      <c r="D913" s="42"/>
      <c r="E913" s="42"/>
      <c r="F913" s="42"/>
      <c r="G913" s="42"/>
      <c r="H913" s="42"/>
      <c r="I913" s="42"/>
      <c r="K913" s="83"/>
      <c r="L913" s="73"/>
      <c r="M913" s="13" t="s">
        <v>65</v>
      </c>
      <c r="N913" s="31"/>
      <c r="P913" s="32"/>
    </row>
    <row r="914" spans="1:16" ht="16.5" customHeight="1">
      <c r="A914" s="51"/>
      <c r="B914" s="42" t="s">
        <v>217</v>
      </c>
      <c r="C914" s="42"/>
      <c r="D914" s="42"/>
      <c r="E914" s="42"/>
      <c r="F914" s="42"/>
      <c r="G914" s="42"/>
      <c r="H914" s="42"/>
      <c r="I914" s="42"/>
      <c r="K914" s="83"/>
      <c r="L914" s="73"/>
      <c r="M914" s="13"/>
      <c r="N914" s="31"/>
      <c r="P914" s="32"/>
    </row>
    <row r="915" spans="1:16" ht="16.5" customHeight="1">
      <c r="A915" s="51"/>
      <c r="B915" s="42" t="s">
        <v>220</v>
      </c>
      <c r="C915" s="42"/>
      <c r="D915" s="42"/>
      <c r="E915" s="42"/>
      <c r="F915" s="42"/>
      <c r="G915" s="42"/>
      <c r="H915" s="42"/>
      <c r="I915" s="42"/>
      <c r="K915" s="83"/>
      <c r="L915" s="73"/>
      <c r="M915" s="13"/>
      <c r="N915" s="31"/>
      <c r="P915" s="32"/>
    </row>
    <row r="916" spans="1:16" ht="16.5" customHeight="1">
      <c r="A916" s="51"/>
      <c r="B916" s="42" t="s">
        <v>704</v>
      </c>
      <c r="C916" s="42"/>
      <c r="D916" s="42"/>
      <c r="E916" s="42"/>
      <c r="F916" s="42"/>
      <c r="G916" s="42"/>
      <c r="H916" s="42"/>
      <c r="I916" s="42"/>
      <c r="K916" s="83"/>
      <c r="L916" s="73"/>
      <c r="M916" s="13"/>
      <c r="N916" s="31"/>
      <c r="P916" s="32"/>
    </row>
    <row r="917" spans="1:16" ht="16.5" customHeight="1">
      <c r="A917" s="51"/>
      <c r="B917" s="42"/>
      <c r="C917" s="42"/>
      <c r="D917" s="109" t="s">
        <v>505</v>
      </c>
      <c r="E917" s="375" t="s">
        <v>125</v>
      </c>
      <c r="F917" s="376"/>
      <c r="G917" s="42"/>
      <c r="H917" s="42"/>
      <c r="I917" s="42"/>
      <c r="K917" s="83"/>
      <c r="L917" s="73"/>
      <c r="M917" s="13"/>
      <c r="N917" s="31"/>
      <c r="P917" s="32"/>
    </row>
    <row r="918" spans="1:16" ht="16.5" customHeight="1">
      <c r="A918" s="51"/>
      <c r="B918" s="42"/>
      <c r="C918" s="42"/>
      <c r="D918" s="123"/>
      <c r="E918" s="302"/>
      <c r="F918" s="303"/>
      <c r="G918" s="67"/>
      <c r="H918" s="42"/>
      <c r="I918" s="42"/>
      <c r="K918" s="83"/>
      <c r="L918" s="73"/>
      <c r="M918" s="13"/>
      <c r="N918" s="31"/>
      <c r="P918" s="32"/>
    </row>
    <row r="919" spans="1:16" ht="16.5" customHeight="1">
      <c r="A919" s="51"/>
      <c r="B919" s="42"/>
      <c r="C919" s="42"/>
      <c r="D919" s="123"/>
      <c r="E919" s="302"/>
      <c r="F919" s="303"/>
      <c r="G919" s="67"/>
      <c r="H919" s="42"/>
      <c r="I919" s="42"/>
      <c r="K919" s="83"/>
      <c r="L919" s="73"/>
      <c r="M919" s="13"/>
      <c r="N919" s="31"/>
      <c r="P919" s="32"/>
    </row>
    <row r="920" spans="1:16" ht="16.5" customHeight="1">
      <c r="A920" s="51"/>
      <c r="B920" s="42"/>
      <c r="C920" s="42"/>
      <c r="D920" s="124"/>
      <c r="E920" s="367"/>
      <c r="F920" s="368"/>
      <c r="G920" s="67"/>
      <c r="H920" s="42"/>
      <c r="I920" s="42"/>
      <c r="K920" s="83"/>
      <c r="L920" s="73"/>
      <c r="M920" s="13"/>
      <c r="N920" s="31"/>
      <c r="P920" s="32"/>
    </row>
    <row r="921" spans="1:16" ht="16.5" customHeight="1">
      <c r="A921" s="51"/>
      <c r="B921" s="42" t="s">
        <v>218</v>
      </c>
      <c r="C921" s="42"/>
      <c r="D921" s="42"/>
      <c r="E921" s="42"/>
      <c r="F921" s="42"/>
      <c r="G921" s="42"/>
      <c r="H921" s="42"/>
      <c r="I921" s="42"/>
      <c r="K921" s="83"/>
      <c r="L921" s="73"/>
      <c r="M921" s="13"/>
      <c r="N921" s="31"/>
      <c r="P921" s="32"/>
    </row>
    <row r="922" spans="1:16" ht="16.5" customHeight="1">
      <c r="A922" s="51"/>
      <c r="B922" s="42" t="s">
        <v>220</v>
      </c>
      <c r="C922" s="42"/>
      <c r="D922" s="42"/>
      <c r="E922" s="42"/>
      <c r="F922" s="42"/>
      <c r="G922" s="42"/>
      <c r="H922" s="42"/>
      <c r="I922" s="42"/>
      <c r="K922" s="83"/>
      <c r="L922" s="73"/>
      <c r="M922" s="13"/>
      <c r="N922" s="31"/>
      <c r="P922" s="32"/>
    </row>
    <row r="923" spans="1:16" ht="16.5" customHeight="1">
      <c r="A923" s="51"/>
      <c r="B923" s="42" t="s">
        <v>704</v>
      </c>
      <c r="C923" s="42"/>
      <c r="D923" s="42"/>
      <c r="E923" s="42"/>
      <c r="F923" s="42"/>
      <c r="G923" s="42"/>
      <c r="H923" s="42"/>
      <c r="I923" s="42"/>
      <c r="K923" s="83"/>
      <c r="L923" s="73"/>
      <c r="M923" s="13"/>
      <c r="N923" s="31"/>
      <c r="P923" s="32"/>
    </row>
    <row r="924" spans="1:16" ht="16.5" customHeight="1">
      <c r="A924" s="51"/>
      <c r="B924" s="42"/>
      <c r="C924" s="42"/>
      <c r="D924" s="109" t="s">
        <v>505</v>
      </c>
      <c r="E924" s="375" t="s">
        <v>125</v>
      </c>
      <c r="F924" s="376"/>
      <c r="G924" s="42"/>
      <c r="H924" s="42"/>
      <c r="I924" s="42"/>
      <c r="K924" s="83"/>
      <c r="L924" s="73"/>
      <c r="M924" s="13"/>
      <c r="N924" s="31"/>
      <c r="P924" s="32"/>
    </row>
    <row r="925" spans="1:16" ht="16.5" customHeight="1">
      <c r="A925" s="51"/>
      <c r="B925" s="42"/>
      <c r="C925" s="42"/>
      <c r="D925" s="123"/>
      <c r="E925" s="302"/>
      <c r="F925" s="303"/>
      <c r="G925" s="67"/>
      <c r="H925" s="42"/>
      <c r="I925" s="42"/>
      <c r="K925" s="83"/>
      <c r="L925" s="73"/>
      <c r="M925" s="13"/>
      <c r="N925" s="31"/>
      <c r="P925" s="32"/>
    </row>
    <row r="926" spans="1:16" ht="16.5" customHeight="1">
      <c r="A926" s="51"/>
      <c r="B926" s="42"/>
      <c r="C926" s="42"/>
      <c r="D926" s="123"/>
      <c r="E926" s="302"/>
      <c r="F926" s="303"/>
      <c r="G926" s="67"/>
      <c r="H926" s="42"/>
      <c r="I926" s="42"/>
      <c r="K926" s="83"/>
      <c r="L926" s="73"/>
      <c r="M926" s="13"/>
      <c r="N926" s="31"/>
      <c r="P926" s="32"/>
    </row>
    <row r="927" spans="1:16" ht="16.5" customHeight="1">
      <c r="A927" s="51"/>
      <c r="B927" s="42"/>
      <c r="C927" s="42"/>
      <c r="D927" s="124"/>
      <c r="E927" s="367"/>
      <c r="F927" s="368"/>
      <c r="G927" s="67"/>
      <c r="H927" s="42"/>
      <c r="I927" s="42"/>
      <c r="K927" s="83"/>
      <c r="L927" s="73"/>
      <c r="M927" s="13"/>
      <c r="N927" s="31"/>
      <c r="P927" s="32"/>
    </row>
    <row r="928" spans="1:16" ht="16.5" customHeight="1">
      <c r="A928" s="51"/>
      <c r="B928" s="42"/>
      <c r="C928" s="42"/>
      <c r="D928" s="42"/>
      <c r="E928" s="42"/>
      <c r="F928" s="42"/>
      <c r="G928" s="42"/>
      <c r="H928" s="42"/>
      <c r="I928" s="42"/>
      <c r="K928" s="83"/>
      <c r="L928" s="73"/>
      <c r="M928" s="13"/>
      <c r="N928" s="31"/>
      <c r="P928" s="32"/>
    </row>
    <row r="929" spans="1:16" ht="16.5" customHeight="1">
      <c r="A929" s="51"/>
      <c r="B929" s="42"/>
      <c r="C929" s="42"/>
      <c r="D929" s="42"/>
      <c r="E929" s="42"/>
      <c r="F929" s="42"/>
      <c r="G929" s="42"/>
      <c r="H929" s="42"/>
      <c r="I929" s="42"/>
      <c r="K929" s="83"/>
      <c r="L929" s="73"/>
      <c r="M929" s="13"/>
      <c r="N929" s="31"/>
      <c r="P929" s="32"/>
    </row>
    <row r="930" spans="1:16" ht="16.5" customHeight="1">
      <c r="A930" s="51"/>
      <c r="B930" s="42"/>
      <c r="C930" s="42"/>
      <c r="D930" s="42"/>
      <c r="E930" s="42"/>
      <c r="F930" s="42"/>
      <c r="G930" s="42"/>
      <c r="H930" s="42"/>
      <c r="I930" s="42"/>
      <c r="K930" s="83"/>
      <c r="L930" s="73"/>
      <c r="M930" s="13"/>
      <c r="N930" s="31"/>
      <c r="P930" s="32"/>
    </row>
    <row r="931" spans="1:16" ht="16.5" customHeight="1">
      <c r="A931" s="51"/>
      <c r="B931" s="42"/>
      <c r="C931" s="42"/>
      <c r="D931" s="42"/>
      <c r="E931" s="42"/>
      <c r="F931" s="42"/>
      <c r="G931" s="42"/>
      <c r="H931" s="42"/>
      <c r="I931" s="42"/>
      <c r="K931" s="83"/>
      <c r="L931" s="73"/>
      <c r="M931" s="13"/>
      <c r="N931" s="31"/>
      <c r="P931" s="32"/>
    </row>
    <row r="932" spans="1:16" ht="16.5" customHeight="1">
      <c r="A932" s="51"/>
      <c r="B932" s="42"/>
      <c r="C932" s="42"/>
      <c r="D932" s="42"/>
      <c r="E932" s="42"/>
      <c r="F932" s="42"/>
      <c r="G932" s="42"/>
      <c r="H932" s="42"/>
      <c r="I932" s="42"/>
      <c r="K932" s="83"/>
      <c r="L932" s="73"/>
      <c r="M932" s="13"/>
      <c r="N932" s="31"/>
      <c r="P932" s="32"/>
    </row>
    <row r="933" spans="1:16" ht="16.5" customHeight="1">
      <c r="A933" s="51"/>
      <c r="B933" s="42"/>
      <c r="C933" s="42"/>
      <c r="D933" s="42"/>
      <c r="E933" s="42"/>
      <c r="F933" s="42"/>
      <c r="G933" s="42"/>
      <c r="H933" s="42"/>
      <c r="I933" s="42"/>
      <c r="K933" s="83"/>
      <c r="L933" s="73"/>
      <c r="M933" s="13"/>
      <c r="N933" s="31"/>
      <c r="P933" s="32"/>
    </row>
    <row r="934" spans="1:16" ht="16.5" customHeight="1">
      <c r="A934" s="51"/>
      <c r="B934" s="42"/>
      <c r="C934" s="42"/>
      <c r="D934" s="42"/>
      <c r="E934" s="42"/>
      <c r="F934" s="42"/>
      <c r="G934" s="42"/>
      <c r="H934" s="42"/>
      <c r="I934" s="42"/>
      <c r="K934" s="83"/>
      <c r="L934" s="73"/>
      <c r="M934" s="13"/>
      <c r="N934" s="31"/>
      <c r="P934" s="32"/>
    </row>
    <row r="935" spans="1:16" ht="16.5" customHeight="1">
      <c r="A935" s="51"/>
      <c r="B935" s="42"/>
      <c r="C935" s="42"/>
      <c r="D935" s="42"/>
      <c r="E935" s="42"/>
      <c r="F935" s="42"/>
      <c r="G935" s="42"/>
      <c r="H935" s="42"/>
      <c r="I935" s="42"/>
      <c r="K935" s="83"/>
      <c r="L935" s="73"/>
      <c r="M935" s="13"/>
      <c r="N935" s="31"/>
      <c r="P935" s="32"/>
    </row>
    <row r="936" spans="1:16" ht="16.5" customHeight="1">
      <c r="A936" s="51"/>
      <c r="B936" s="42"/>
      <c r="C936" s="42"/>
      <c r="D936" s="42"/>
      <c r="E936" s="42"/>
      <c r="F936" s="42"/>
      <c r="G936" s="42"/>
      <c r="H936" s="42"/>
      <c r="I936" s="42"/>
      <c r="K936" s="83"/>
      <c r="L936" s="73"/>
      <c r="M936" s="13"/>
      <c r="N936" s="31"/>
      <c r="P936" s="32"/>
    </row>
    <row r="937" spans="1:16" ht="16.5" customHeight="1">
      <c r="A937" s="51"/>
      <c r="B937" s="42"/>
      <c r="C937" s="42"/>
      <c r="D937" s="42"/>
      <c r="E937" s="42"/>
      <c r="F937" s="42"/>
      <c r="G937" s="42"/>
      <c r="H937" s="42"/>
      <c r="I937" s="42"/>
      <c r="K937" s="83"/>
      <c r="L937" s="73"/>
      <c r="M937" s="13"/>
      <c r="N937" s="31"/>
      <c r="P937" s="32"/>
    </row>
    <row r="938" spans="1:16" ht="16.5" customHeight="1">
      <c r="A938" s="51"/>
      <c r="B938" s="42" t="s">
        <v>222</v>
      </c>
      <c r="C938" s="42"/>
      <c r="D938" s="42"/>
      <c r="E938" s="42"/>
      <c r="F938" s="42"/>
      <c r="G938" s="42"/>
      <c r="H938" s="42"/>
      <c r="I938" s="42"/>
      <c r="K938" s="92" t="s">
        <v>179</v>
      </c>
      <c r="L938" s="91" t="s">
        <v>179</v>
      </c>
      <c r="M938" s="13"/>
      <c r="N938" s="31"/>
      <c r="P938" s="32"/>
    </row>
    <row r="939" spans="1:16" ht="16.5" customHeight="1">
      <c r="A939" s="51"/>
      <c r="B939" s="42" t="s">
        <v>221</v>
      </c>
      <c r="C939" s="42"/>
      <c r="D939" s="42"/>
      <c r="E939" s="42"/>
      <c r="F939" s="42"/>
      <c r="G939" s="42"/>
      <c r="H939" s="42"/>
      <c r="I939" s="42"/>
      <c r="K939" s="83"/>
      <c r="L939" s="73"/>
      <c r="M939" s="13"/>
      <c r="N939" s="31"/>
      <c r="P939" s="32"/>
    </row>
    <row r="940" spans="1:16" ht="16.5" customHeight="1">
      <c r="A940" s="51"/>
      <c r="B940" s="42"/>
      <c r="C940" s="42"/>
      <c r="D940" s="95"/>
      <c r="E940" s="343" t="s">
        <v>226</v>
      </c>
      <c r="F940" s="344"/>
      <c r="G940" s="344"/>
      <c r="H940" s="344"/>
      <c r="I940" s="345"/>
      <c r="K940" s="83"/>
      <c r="L940" s="73"/>
      <c r="M940" s="13"/>
      <c r="N940" s="31"/>
      <c r="P940" s="32"/>
    </row>
    <row r="941" spans="1:16" ht="16.5" customHeight="1">
      <c r="A941" s="51"/>
      <c r="B941" s="42"/>
      <c r="C941" s="42"/>
      <c r="D941" s="330" t="s">
        <v>223</v>
      </c>
      <c r="E941" s="331"/>
      <c r="F941" s="332"/>
      <c r="G941" s="332"/>
      <c r="H941" s="332"/>
      <c r="I941" s="333"/>
      <c r="K941" s="83"/>
      <c r="L941" s="73"/>
      <c r="M941" s="13"/>
      <c r="N941" s="31"/>
      <c r="P941" s="32"/>
    </row>
    <row r="942" spans="1:16" ht="16.5" customHeight="1">
      <c r="A942" s="51"/>
      <c r="B942" s="42"/>
      <c r="C942" s="42"/>
      <c r="D942" s="328"/>
      <c r="E942" s="334"/>
      <c r="F942" s="335"/>
      <c r="G942" s="335"/>
      <c r="H942" s="335"/>
      <c r="I942" s="336"/>
      <c r="K942" s="83"/>
      <c r="L942" s="73"/>
      <c r="M942" s="13"/>
      <c r="N942" s="31"/>
      <c r="P942" s="32"/>
    </row>
    <row r="943" spans="1:16" ht="16.5" customHeight="1">
      <c r="A943" s="51"/>
      <c r="B943" s="42"/>
      <c r="C943" s="42"/>
      <c r="D943" s="329"/>
      <c r="E943" s="337"/>
      <c r="F943" s="338"/>
      <c r="G943" s="338"/>
      <c r="H943" s="338"/>
      <c r="I943" s="339"/>
      <c r="K943" s="83"/>
      <c r="L943" s="73"/>
      <c r="M943" s="13"/>
      <c r="N943" s="31"/>
      <c r="P943" s="32"/>
    </row>
    <row r="944" spans="1:16" ht="16.5" customHeight="1">
      <c r="A944" s="51"/>
      <c r="B944" s="42"/>
      <c r="C944" s="42"/>
      <c r="D944" s="56" t="s">
        <v>224</v>
      </c>
      <c r="E944" s="306"/>
      <c r="F944" s="307"/>
      <c r="G944" s="307"/>
      <c r="H944" s="307"/>
      <c r="I944" s="308"/>
      <c r="K944" s="83"/>
      <c r="L944" s="73"/>
      <c r="M944" s="13"/>
      <c r="N944" s="31"/>
      <c r="P944" s="32"/>
    </row>
    <row r="945" spans="1:16" ht="16.5" customHeight="1">
      <c r="A945" s="51"/>
      <c r="B945" s="42"/>
      <c r="C945" s="42"/>
      <c r="D945" s="327" t="s">
        <v>290</v>
      </c>
      <c r="E945" s="340"/>
      <c r="F945" s="341"/>
      <c r="G945" s="341"/>
      <c r="H945" s="341"/>
      <c r="I945" s="342"/>
      <c r="K945" s="83"/>
      <c r="L945" s="73"/>
      <c r="M945" s="13"/>
      <c r="N945" s="31"/>
      <c r="P945" s="32"/>
    </row>
    <row r="946" spans="1:16" ht="16.5" customHeight="1">
      <c r="A946" s="51"/>
      <c r="B946" s="42"/>
      <c r="C946" s="42"/>
      <c r="D946" s="328"/>
      <c r="E946" s="334"/>
      <c r="F946" s="335"/>
      <c r="G946" s="335"/>
      <c r="H946" s="335"/>
      <c r="I946" s="336"/>
      <c r="K946" s="83"/>
      <c r="L946" s="73"/>
      <c r="M946" s="13"/>
      <c r="N946" s="31"/>
      <c r="P946" s="32"/>
    </row>
    <row r="947" spans="1:16" ht="16.5" customHeight="1">
      <c r="A947" s="51"/>
      <c r="B947" s="42"/>
      <c r="C947" s="42"/>
      <c r="D947" s="329"/>
      <c r="E947" s="337"/>
      <c r="F947" s="338"/>
      <c r="G947" s="338"/>
      <c r="H947" s="338"/>
      <c r="I947" s="339"/>
      <c r="K947" s="83"/>
      <c r="L947" s="73"/>
      <c r="M947" s="13"/>
      <c r="N947" s="31"/>
      <c r="P947" s="32"/>
    </row>
    <row r="948" spans="1:16" ht="16.5" customHeight="1">
      <c r="A948" s="51"/>
      <c r="B948" s="42"/>
      <c r="C948" s="42"/>
      <c r="D948" s="18" t="s">
        <v>225</v>
      </c>
      <c r="E948" s="94" t="s">
        <v>179</v>
      </c>
      <c r="F948" s="93" t="s">
        <v>228</v>
      </c>
      <c r="G948" s="116"/>
      <c r="H948" s="325" t="s">
        <v>229</v>
      </c>
      <c r="I948" s="326"/>
      <c r="K948" s="83"/>
      <c r="L948" s="73"/>
      <c r="M948" s="13"/>
      <c r="N948" s="31"/>
      <c r="P948" s="32"/>
    </row>
    <row r="949" spans="1:16" ht="16.5" customHeight="1">
      <c r="A949" s="51"/>
      <c r="B949" s="42"/>
      <c r="C949" s="42"/>
      <c r="D949" s="18" t="s">
        <v>227</v>
      </c>
      <c r="E949" s="252" t="s">
        <v>179</v>
      </c>
      <c r="F949" s="324"/>
      <c r="G949" s="324"/>
      <c r="H949" s="325" t="s">
        <v>230</v>
      </c>
      <c r="I949" s="326"/>
      <c r="K949" s="83"/>
      <c r="L949" s="73"/>
      <c r="M949" s="13"/>
      <c r="N949" s="31"/>
      <c r="P949" s="32"/>
    </row>
    <row r="950" spans="1:16" ht="16.5" customHeight="1">
      <c r="A950" s="51"/>
      <c r="B950" s="42"/>
      <c r="C950" s="42"/>
      <c r="D950" s="431" t="s">
        <v>656</v>
      </c>
      <c r="E950" s="433" t="s">
        <v>179</v>
      </c>
      <c r="F950" s="435" t="s">
        <v>228</v>
      </c>
      <c r="G950" s="398"/>
      <c r="H950" s="400" t="s">
        <v>229</v>
      </c>
      <c r="I950" s="401"/>
      <c r="K950" s="83"/>
      <c r="L950" s="73"/>
      <c r="M950" s="13"/>
      <c r="N950" s="31"/>
      <c r="P950" s="32"/>
    </row>
    <row r="951" spans="1:16" ht="16.5" customHeight="1">
      <c r="A951" s="51"/>
      <c r="B951" s="42"/>
      <c r="C951" s="42"/>
      <c r="D951" s="432"/>
      <c r="E951" s="434"/>
      <c r="F951" s="292"/>
      <c r="G951" s="399"/>
      <c r="H951" s="402"/>
      <c r="I951" s="403"/>
      <c r="K951" s="83"/>
      <c r="L951" s="73"/>
      <c r="M951" s="13"/>
      <c r="N951" s="31"/>
      <c r="P951" s="32"/>
    </row>
    <row r="952" spans="1:16" ht="16.5" customHeight="1">
      <c r="A952" s="51"/>
      <c r="B952" s="42"/>
      <c r="C952" s="42"/>
      <c r="D952" s="42"/>
      <c r="E952" s="42"/>
      <c r="F952" s="42"/>
      <c r="G952" s="42"/>
      <c r="H952" s="46"/>
      <c r="I952" s="46"/>
      <c r="K952" s="83"/>
      <c r="L952" s="73"/>
      <c r="M952" s="13"/>
      <c r="N952" s="31"/>
      <c r="P952" s="32"/>
    </row>
    <row r="953" spans="1:16" ht="16.5" customHeight="1">
      <c r="A953" s="51"/>
      <c r="B953" s="42" t="s">
        <v>320</v>
      </c>
      <c r="C953" s="42"/>
      <c r="D953" s="42"/>
      <c r="E953" s="42"/>
      <c r="F953" s="42"/>
      <c r="G953" s="42"/>
      <c r="H953" s="42"/>
      <c r="I953" s="42"/>
      <c r="K953" s="83"/>
      <c r="L953" s="73"/>
      <c r="M953" s="13" t="s">
        <v>267</v>
      </c>
      <c r="N953" s="31"/>
      <c r="P953" s="32"/>
    </row>
    <row r="954" spans="1:16" ht="16.5" customHeight="1">
      <c r="A954" s="51"/>
      <c r="B954" s="42" t="s">
        <v>321</v>
      </c>
      <c r="C954" s="42"/>
      <c r="D954" s="42"/>
      <c r="E954" s="42"/>
      <c r="F954" s="42"/>
      <c r="G954" s="42"/>
      <c r="H954" s="42"/>
      <c r="I954" s="42"/>
      <c r="K954" s="83"/>
      <c r="L954" s="73"/>
      <c r="M954" s="13" t="s">
        <v>268</v>
      </c>
      <c r="N954" s="31"/>
      <c r="P954" s="32"/>
    </row>
    <row r="955" spans="1:16" ht="16.5" customHeight="1">
      <c r="A955" s="51"/>
      <c r="B955" s="42" t="s">
        <v>111</v>
      </c>
      <c r="C955" s="42"/>
      <c r="D955" s="42"/>
      <c r="E955" s="42"/>
      <c r="F955" s="42"/>
      <c r="G955" s="42"/>
      <c r="H955" s="42"/>
      <c r="I955" s="42"/>
      <c r="K955" s="92" t="s">
        <v>179</v>
      </c>
      <c r="L955" s="91" t="s">
        <v>179</v>
      </c>
      <c r="M955" s="13" t="s">
        <v>269</v>
      </c>
      <c r="N955" s="31"/>
      <c r="P955" s="32"/>
    </row>
    <row r="956" spans="1:16" ht="16.5" customHeight="1">
      <c r="A956" s="51"/>
      <c r="B956" s="42" t="s">
        <v>110</v>
      </c>
      <c r="C956" s="42"/>
      <c r="D956" s="42"/>
      <c r="E956" s="42"/>
      <c r="F956" s="42"/>
      <c r="G956" s="42"/>
      <c r="H956" s="42"/>
      <c r="I956" s="42"/>
      <c r="K956" s="92" t="s">
        <v>179</v>
      </c>
      <c r="L956" s="91" t="s">
        <v>179</v>
      </c>
      <c r="M956" s="13" t="s">
        <v>270</v>
      </c>
      <c r="N956" s="31"/>
      <c r="P956" s="32"/>
    </row>
    <row r="957" spans="1:16" ht="16.5" customHeight="1">
      <c r="A957" s="51"/>
      <c r="B957" s="42" t="s">
        <v>231</v>
      </c>
      <c r="C957" s="42"/>
      <c r="D957" s="42"/>
      <c r="E957" s="42"/>
      <c r="F957" s="42"/>
      <c r="G957" s="42"/>
      <c r="H957" s="42"/>
      <c r="I957" s="42"/>
      <c r="K957" s="92" t="s">
        <v>179</v>
      </c>
      <c r="L957" s="91" t="s">
        <v>179</v>
      </c>
      <c r="M957" s="13" t="s">
        <v>271</v>
      </c>
      <c r="N957" s="31"/>
      <c r="P957" s="32"/>
    </row>
    <row r="958" spans="1:16" ht="16.5" customHeight="1">
      <c r="A958" s="51"/>
      <c r="B958" s="42" t="s">
        <v>232</v>
      </c>
      <c r="C958" s="42"/>
      <c r="D958" s="42"/>
      <c r="E958" s="42"/>
      <c r="F958" s="42"/>
      <c r="G958" s="42"/>
      <c r="H958" s="42"/>
      <c r="I958" s="42"/>
      <c r="K958" s="92" t="s">
        <v>179</v>
      </c>
      <c r="L958" s="91" t="s">
        <v>179</v>
      </c>
      <c r="M958" s="13" t="s">
        <v>315</v>
      </c>
      <c r="N958" s="31"/>
      <c r="P958" s="32"/>
    </row>
    <row r="959" spans="1:16" ht="16.5" customHeight="1">
      <c r="A959" s="51"/>
      <c r="B959" s="42" t="s">
        <v>233</v>
      </c>
      <c r="C959" s="42"/>
      <c r="D959" s="42"/>
      <c r="E959" s="42"/>
      <c r="F959" s="42"/>
      <c r="G959" s="42"/>
      <c r="H959" s="42"/>
      <c r="I959" s="42"/>
      <c r="K959" s="92" t="s">
        <v>179</v>
      </c>
      <c r="L959" s="91" t="s">
        <v>179</v>
      </c>
      <c r="M959" s="13"/>
      <c r="N959" s="31"/>
      <c r="P959" s="32"/>
    </row>
    <row r="960" spans="1:16" ht="16.5" customHeight="1">
      <c r="A960" s="51"/>
      <c r="B960" s="42" t="s">
        <v>235</v>
      </c>
      <c r="C960" s="42"/>
      <c r="D960" s="42"/>
      <c r="E960" s="42"/>
      <c r="F960" s="42"/>
      <c r="G960" s="42"/>
      <c r="H960" s="42"/>
      <c r="I960" s="42"/>
      <c r="K960" s="83"/>
      <c r="L960" s="73"/>
      <c r="M960" s="13"/>
      <c r="N960" s="31"/>
      <c r="P960" s="32"/>
    </row>
    <row r="961" spans="1:16" ht="16.5" customHeight="1">
      <c r="A961" s="51"/>
      <c r="B961" s="42" t="s">
        <v>234</v>
      </c>
      <c r="C961" s="42"/>
      <c r="D961" s="42"/>
      <c r="E961" s="42"/>
      <c r="F961" s="42"/>
      <c r="G961" s="42"/>
      <c r="H961" s="42"/>
      <c r="I961" s="42"/>
      <c r="K961" s="92" t="s">
        <v>179</v>
      </c>
      <c r="L961" s="91" t="s">
        <v>179</v>
      </c>
      <c r="M961" s="13"/>
      <c r="N961" s="31"/>
      <c r="P961" s="32"/>
    </row>
    <row r="962" spans="1:16" ht="16.5" customHeight="1">
      <c r="A962" s="51"/>
      <c r="B962" s="42"/>
      <c r="C962" s="42"/>
      <c r="D962" s="42"/>
      <c r="E962" s="42"/>
      <c r="F962" s="42"/>
      <c r="G962" s="42"/>
      <c r="H962" s="42"/>
      <c r="I962" s="42"/>
      <c r="K962" s="83"/>
      <c r="L962" s="73"/>
      <c r="M962" s="13"/>
      <c r="N962" s="31"/>
      <c r="P962" s="32"/>
    </row>
    <row r="963" spans="1:16" ht="16.5" customHeight="1">
      <c r="A963" s="51"/>
      <c r="B963" s="42"/>
      <c r="C963" s="42"/>
      <c r="D963" s="42"/>
      <c r="E963" s="42"/>
      <c r="F963" s="42"/>
      <c r="G963" s="42"/>
      <c r="H963" s="42"/>
      <c r="I963" s="42"/>
      <c r="K963" s="83"/>
      <c r="L963" s="73"/>
      <c r="M963" s="13"/>
      <c r="N963" s="31"/>
      <c r="P963" s="32"/>
    </row>
    <row r="964" spans="1:16" ht="16.5" customHeight="1">
      <c r="A964" s="51"/>
      <c r="B964" s="42"/>
      <c r="C964" s="42"/>
      <c r="D964" s="42"/>
      <c r="E964" s="42"/>
      <c r="F964" s="42"/>
      <c r="G964" s="42"/>
      <c r="H964" s="42"/>
      <c r="I964" s="42"/>
      <c r="K964" s="83"/>
      <c r="L964" s="73"/>
      <c r="M964" s="13"/>
      <c r="N964" s="31"/>
      <c r="P964" s="32"/>
    </row>
    <row r="965" spans="1:16" ht="16.5" customHeight="1">
      <c r="A965" s="51"/>
      <c r="B965" s="42"/>
      <c r="C965" s="42"/>
      <c r="D965" s="42"/>
      <c r="E965" s="42"/>
      <c r="F965" s="42"/>
      <c r="G965" s="42"/>
      <c r="H965" s="42"/>
      <c r="I965" s="42"/>
      <c r="K965" s="83"/>
      <c r="L965" s="73"/>
      <c r="M965" s="13"/>
      <c r="N965" s="31"/>
      <c r="P965" s="32"/>
    </row>
    <row r="966" spans="1:16" ht="16.5" customHeight="1">
      <c r="A966" s="51"/>
      <c r="B966" s="42"/>
      <c r="C966" s="42"/>
      <c r="D966" s="42"/>
      <c r="E966" s="42"/>
      <c r="F966" s="42"/>
      <c r="G966" s="42"/>
      <c r="H966" s="42"/>
      <c r="I966" s="42"/>
      <c r="K966" s="83"/>
      <c r="L966" s="73"/>
      <c r="M966" s="13"/>
      <c r="N966" s="31"/>
      <c r="P966" s="32"/>
    </row>
    <row r="967" spans="1:16" ht="16.5" customHeight="1">
      <c r="A967" s="51"/>
      <c r="B967" s="42"/>
      <c r="C967" s="42"/>
      <c r="D967" s="42"/>
      <c r="E967" s="42"/>
      <c r="F967" s="42"/>
      <c r="G967" s="42"/>
      <c r="H967" s="42"/>
      <c r="I967" s="42"/>
      <c r="K967" s="83"/>
      <c r="L967" s="73"/>
      <c r="M967" s="13"/>
      <c r="N967" s="31"/>
      <c r="P967" s="32"/>
    </row>
    <row r="968" spans="1:16" ht="16.5" customHeight="1">
      <c r="A968" s="51"/>
      <c r="B968" s="42"/>
      <c r="C968" s="42"/>
      <c r="D968" s="42"/>
      <c r="E968" s="42"/>
      <c r="F968" s="42"/>
      <c r="G968" s="42"/>
      <c r="H968" s="42"/>
      <c r="I968" s="42"/>
      <c r="K968" s="83"/>
      <c r="L968" s="73"/>
      <c r="M968" s="13"/>
      <c r="N968" s="31"/>
      <c r="P968" s="32"/>
    </row>
    <row r="969" spans="1:16" ht="16.5" customHeight="1">
      <c r="A969" s="51"/>
      <c r="B969" s="42"/>
      <c r="C969" s="42"/>
      <c r="D969" s="42"/>
      <c r="E969" s="42"/>
      <c r="F969" s="42"/>
      <c r="G969" s="42"/>
      <c r="H969" s="42"/>
      <c r="I969" s="42"/>
      <c r="K969" s="83"/>
      <c r="L969" s="73"/>
      <c r="M969" s="13"/>
      <c r="N969" s="31"/>
      <c r="P969" s="32"/>
    </row>
    <row r="970" spans="1:16" ht="16.5" customHeight="1">
      <c r="A970" s="51"/>
      <c r="B970" s="42"/>
      <c r="C970" s="42"/>
      <c r="D970" s="42"/>
      <c r="E970" s="42"/>
      <c r="F970" s="42"/>
      <c r="G970" s="42"/>
      <c r="H970" s="42"/>
      <c r="I970" s="42"/>
      <c r="K970" s="83"/>
      <c r="L970" s="73"/>
      <c r="M970" s="13"/>
      <c r="N970" s="31"/>
      <c r="P970" s="32"/>
    </row>
    <row r="971" spans="1:16" ht="16.5" customHeight="1">
      <c r="A971" s="51"/>
      <c r="B971" s="42"/>
      <c r="C971" s="42"/>
      <c r="D971" s="42"/>
      <c r="E971" s="42"/>
      <c r="F971" s="42"/>
      <c r="G971" s="42"/>
      <c r="H971" s="42"/>
      <c r="I971" s="42"/>
      <c r="K971" s="83"/>
      <c r="L971" s="73"/>
      <c r="M971" s="13"/>
      <c r="N971" s="31"/>
      <c r="P971" s="32"/>
    </row>
    <row r="972" spans="1:16" ht="16.5" customHeight="1">
      <c r="A972" s="51"/>
      <c r="B972" s="42"/>
      <c r="C972" s="42"/>
      <c r="D972" s="42"/>
      <c r="E972" s="42"/>
      <c r="F972" s="42"/>
      <c r="G972" s="42"/>
      <c r="H972" s="42"/>
      <c r="I972" s="42"/>
      <c r="K972" s="83"/>
      <c r="L972" s="73"/>
      <c r="M972" s="13"/>
      <c r="N972" s="31"/>
      <c r="P972" s="32"/>
    </row>
    <row r="973" spans="1:16" ht="16.5" customHeight="1">
      <c r="A973" s="51"/>
      <c r="B973" s="42"/>
      <c r="C973" s="42"/>
      <c r="D973" s="42"/>
      <c r="E973" s="42"/>
      <c r="F973" s="42"/>
      <c r="G973" s="42"/>
      <c r="H973" s="42"/>
      <c r="I973" s="42"/>
      <c r="K973" s="83"/>
      <c r="L973" s="73"/>
      <c r="M973" s="13"/>
      <c r="N973" s="31"/>
      <c r="P973" s="32"/>
    </row>
    <row r="974" spans="1:16" ht="16.5" customHeight="1">
      <c r="A974" s="51"/>
      <c r="B974" s="42"/>
      <c r="C974" s="42"/>
      <c r="D974" s="42"/>
      <c r="E974" s="42"/>
      <c r="F974" s="42"/>
      <c r="G974" s="42"/>
      <c r="H974" s="42"/>
      <c r="I974" s="42"/>
      <c r="K974" s="83"/>
      <c r="L974" s="73"/>
      <c r="M974" s="13"/>
      <c r="N974" s="31"/>
      <c r="P974" s="32"/>
    </row>
    <row r="975" spans="1:16" ht="16.5" customHeight="1">
      <c r="A975" s="51"/>
      <c r="B975" s="42"/>
      <c r="C975" s="42"/>
      <c r="D975" s="42"/>
      <c r="E975" s="42"/>
      <c r="F975" s="42"/>
      <c r="G975" s="42"/>
      <c r="H975" s="42"/>
      <c r="I975" s="42"/>
      <c r="K975" s="83"/>
      <c r="L975" s="73"/>
      <c r="M975" s="13"/>
      <c r="N975" s="31"/>
      <c r="P975" s="32"/>
    </row>
    <row r="976" spans="1:16" ht="16.5" customHeight="1">
      <c r="A976" s="51"/>
      <c r="B976" s="42"/>
      <c r="C976" s="42"/>
      <c r="D976" s="42"/>
      <c r="E976" s="42"/>
      <c r="F976" s="42"/>
      <c r="G976" s="42"/>
      <c r="H976" s="42"/>
      <c r="I976" s="42"/>
      <c r="K976" s="83"/>
      <c r="L976" s="73"/>
      <c r="M976" s="13"/>
      <c r="N976" s="31"/>
      <c r="P976" s="32"/>
    </row>
    <row r="977" spans="1:16" ht="16.5" customHeight="1">
      <c r="A977" s="51"/>
      <c r="B977" s="42"/>
      <c r="C977" s="42"/>
      <c r="D977" s="42"/>
      <c r="E977" s="42"/>
      <c r="F977" s="42"/>
      <c r="G977" s="42"/>
      <c r="H977" s="42"/>
      <c r="I977" s="42"/>
      <c r="K977" s="83"/>
      <c r="L977" s="73"/>
      <c r="M977" s="13"/>
      <c r="N977" s="31"/>
      <c r="P977" s="32"/>
    </row>
    <row r="978" spans="1:16" ht="16.5" customHeight="1">
      <c r="A978" s="61"/>
      <c r="B978" s="62"/>
      <c r="C978" s="62"/>
      <c r="D978" s="62"/>
      <c r="E978" s="62"/>
      <c r="F978" s="62"/>
      <c r="G978" s="62"/>
      <c r="H978" s="62"/>
      <c r="I978" s="62"/>
      <c r="J978" s="34"/>
      <c r="K978" s="84"/>
      <c r="L978" s="79"/>
      <c r="M978" s="14"/>
      <c r="N978" s="33"/>
      <c r="O978" s="34"/>
      <c r="P978" s="35"/>
    </row>
    <row r="979" spans="1:16" ht="16.5" customHeight="1">
      <c r="A979" s="51"/>
      <c r="B979" s="42" t="s">
        <v>657</v>
      </c>
      <c r="C979" s="42"/>
      <c r="D979" s="42"/>
      <c r="E979" s="42"/>
      <c r="F979" s="42"/>
      <c r="G979" s="42"/>
      <c r="H979" s="42"/>
      <c r="I979" s="42"/>
      <c r="K979" s="83"/>
      <c r="L979" s="73"/>
      <c r="M979" s="13"/>
      <c r="N979" s="31"/>
      <c r="P979" s="32"/>
    </row>
    <row r="980" spans="1:16" ht="16.5" customHeight="1">
      <c r="A980" s="51"/>
      <c r="B980" s="42" t="s">
        <v>236</v>
      </c>
      <c r="C980" s="42"/>
      <c r="D980" s="42"/>
      <c r="E980" s="42"/>
      <c r="F980" s="42"/>
      <c r="G980" s="42"/>
      <c r="H980" s="42"/>
      <c r="I980" s="42"/>
      <c r="K980" s="83"/>
      <c r="L980" s="73"/>
      <c r="M980" s="13"/>
      <c r="N980" s="31"/>
      <c r="P980" s="32"/>
    </row>
    <row r="981" spans="1:16" ht="16.5" customHeight="1">
      <c r="A981" s="51"/>
      <c r="B981" s="42" t="s">
        <v>658</v>
      </c>
      <c r="C981" s="42"/>
      <c r="D981" s="42"/>
      <c r="E981" s="42"/>
      <c r="F981" s="42"/>
      <c r="G981" s="42"/>
      <c r="H981" s="42"/>
      <c r="I981" s="42"/>
      <c r="K981" s="83"/>
      <c r="L981" s="73"/>
      <c r="M981" s="13" t="s">
        <v>272</v>
      </c>
      <c r="N981" s="31"/>
      <c r="P981" s="32"/>
    </row>
    <row r="982" spans="1:16" ht="16.5" customHeight="1">
      <c r="A982" s="51"/>
      <c r="B982" s="42" t="s">
        <v>705</v>
      </c>
      <c r="C982" s="42"/>
      <c r="D982" s="42"/>
      <c r="E982" s="42"/>
      <c r="F982" s="42"/>
      <c r="G982" s="42"/>
      <c r="H982" s="42"/>
      <c r="I982" s="42"/>
      <c r="K982" s="83"/>
      <c r="L982" s="73"/>
      <c r="M982" s="13" t="s">
        <v>265</v>
      </c>
      <c r="N982" s="31"/>
      <c r="P982" s="32"/>
    </row>
    <row r="983" spans="1:16" ht="16.5" customHeight="1">
      <c r="A983" s="51"/>
      <c r="B983" s="42"/>
      <c r="C983" s="42"/>
      <c r="D983" s="109" t="s">
        <v>506</v>
      </c>
      <c r="E983" s="375" t="s">
        <v>124</v>
      </c>
      <c r="F983" s="376"/>
      <c r="G983" s="42"/>
      <c r="H983" s="42"/>
      <c r="I983" s="42"/>
      <c r="K983" s="83"/>
      <c r="L983" s="73"/>
      <c r="M983" s="13" t="s">
        <v>266</v>
      </c>
      <c r="N983" s="31"/>
      <c r="P983" s="32"/>
    </row>
    <row r="984" spans="1:16" ht="16.5" customHeight="1">
      <c r="A984" s="51"/>
      <c r="B984" s="42"/>
      <c r="C984" s="42"/>
      <c r="D984" s="123"/>
      <c r="E984" s="302"/>
      <c r="F984" s="303"/>
      <c r="G984" s="42"/>
      <c r="H984" s="42"/>
      <c r="I984" s="42"/>
      <c r="K984" s="83"/>
      <c r="L984" s="73"/>
      <c r="M984" s="13" t="s">
        <v>661</v>
      </c>
      <c r="N984" s="31"/>
      <c r="P984" s="32"/>
    </row>
    <row r="985" spans="1:16" ht="16.5" customHeight="1">
      <c r="A985" s="51"/>
      <c r="B985" s="42"/>
      <c r="C985" s="42"/>
      <c r="D985" s="123"/>
      <c r="E985" s="302"/>
      <c r="F985" s="303"/>
      <c r="G985" s="42"/>
      <c r="H985" s="42"/>
      <c r="I985" s="42"/>
      <c r="K985" s="83"/>
      <c r="L985" s="73"/>
      <c r="M985" s="13" t="s">
        <v>67</v>
      </c>
      <c r="N985" s="31"/>
      <c r="P985" s="32"/>
    </row>
    <row r="986" spans="1:16" ht="16.5" customHeight="1">
      <c r="A986" s="51"/>
      <c r="B986" s="42"/>
      <c r="C986" s="42"/>
      <c r="D986" s="123"/>
      <c r="E986" s="302"/>
      <c r="F986" s="303"/>
      <c r="G986" s="42"/>
      <c r="H986" s="42"/>
      <c r="I986" s="42"/>
      <c r="K986" s="83"/>
      <c r="L986" s="73"/>
      <c r="M986" s="13"/>
      <c r="N986" s="31"/>
      <c r="P986" s="32"/>
    </row>
    <row r="987" spans="1:16" ht="16.5" customHeight="1">
      <c r="A987" s="51"/>
      <c r="B987" s="42"/>
      <c r="C987" s="42"/>
      <c r="D987" s="123"/>
      <c r="E987" s="302"/>
      <c r="F987" s="303"/>
      <c r="G987" s="42"/>
      <c r="H987" s="42"/>
      <c r="I987" s="42"/>
      <c r="K987" s="83"/>
      <c r="L987" s="73"/>
      <c r="M987" s="13"/>
      <c r="N987" s="31"/>
      <c r="P987" s="32"/>
    </row>
    <row r="988" spans="1:16" ht="16.5" customHeight="1">
      <c r="A988" s="51"/>
      <c r="B988" s="42"/>
      <c r="C988" s="42"/>
      <c r="D988" s="123"/>
      <c r="E988" s="302"/>
      <c r="F988" s="303"/>
      <c r="G988" s="42"/>
      <c r="H988" s="42"/>
      <c r="I988" s="42"/>
      <c r="K988" s="83"/>
      <c r="L988" s="73"/>
      <c r="M988" s="13"/>
      <c r="N988" s="31"/>
      <c r="P988" s="32"/>
    </row>
    <row r="989" spans="1:16" ht="16.5" customHeight="1">
      <c r="A989" s="51"/>
      <c r="B989" s="42"/>
      <c r="C989" s="42"/>
      <c r="D989" s="123"/>
      <c r="E989" s="302"/>
      <c r="F989" s="303"/>
      <c r="G989" s="42"/>
      <c r="H989" s="42"/>
      <c r="I989" s="42"/>
      <c r="K989" s="83"/>
      <c r="L989" s="73"/>
      <c r="M989" s="13"/>
      <c r="N989" s="31"/>
      <c r="P989" s="32"/>
    </row>
    <row r="990" spans="1:16" ht="16.5" customHeight="1">
      <c r="A990" s="51"/>
      <c r="B990" s="42"/>
      <c r="C990" s="42"/>
      <c r="D990" s="123"/>
      <c r="E990" s="302"/>
      <c r="F990" s="303"/>
      <c r="G990" s="42"/>
      <c r="H990" s="42"/>
      <c r="I990" s="42"/>
      <c r="K990" s="83"/>
      <c r="L990" s="73"/>
      <c r="M990" s="13"/>
      <c r="N990" s="31"/>
      <c r="P990" s="32"/>
    </row>
    <row r="991" spans="1:16" ht="16.5" customHeight="1">
      <c r="A991" s="51"/>
      <c r="B991" s="42"/>
      <c r="C991" s="42"/>
      <c r="D991" s="123"/>
      <c r="E991" s="302"/>
      <c r="F991" s="303"/>
      <c r="G991" s="42"/>
      <c r="H991" s="42"/>
      <c r="I991" s="42"/>
      <c r="K991" s="83"/>
      <c r="L991" s="73"/>
      <c r="M991" s="13"/>
      <c r="N991" s="31"/>
      <c r="P991" s="32"/>
    </row>
    <row r="992" spans="1:16" ht="16.5" customHeight="1">
      <c r="A992" s="51"/>
      <c r="B992" s="42"/>
      <c r="C992" s="42"/>
      <c r="D992" s="123"/>
      <c r="E992" s="302"/>
      <c r="F992" s="303"/>
      <c r="G992" s="42"/>
      <c r="H992" s="42"/>
      <c r="I992" s="42"/>
      <c r="K992" s="83"/>
      <c r="L992" s="73"/>
      <c r="M992" s="13"/>
      <c r="N992" s="31"/>
      <c r="P992" s="32"/>
    </row>
    <row r="993" spans="1:16" ht="16.5" customHeight="1">
      <c r="A993" s="51"/>
      <c r="B993" s="42"/>
      <c r="C993" s="42"/>
      <c r="D993" s="123"/>
      <c r="E993" s="302"/>
      <c r="F993" s="303"/>
      <c r="G993" s="42"/>
      <c r="H993" s="42"/>
      <c r="I993" s="42"/>
      <c r="K993" s="83"/>
      <c r="L993" s="73"/>
      <c r="M993" s="13"/>
      <c r="N993" s="31"/>
      <c r="P993" s="32"/>
    </row>
    <row r="994" spans="1:16" ht="16.5" customHeight="1">
      <c r="A994" s="51"/>
      <c r="B994" s="42"/>
      <c r="C994" s="42"/>
      <c r="D994" s="123"/>
      <c r="E994" s="302"/>
      <c r="F994" s="303"/>
      <c r="G994" s="42"/>
      <c r="H994" s="42"/>
      <c r="I994" s="42"/>
      <c r="K994" s="83"/>
      <c r="L994" s="73"/>
      <c r="M994" s="13"/>
      <c r="N994" s="31"/>
      <c r="P994" s="32"/>
    </row>
    <row r="995" spans="1:16" ht="16.5" customHeight="1">
      <c r="A995" s="51"/>
      <c r="B995" s="42"/>
      <c r="C995" s="42"/>
      <c r="D995" s="124"/>
      <c r="E995" s="367"/>
      <c r="F995" s="368"/>
      <c r="G995" s="42"/>
      <c r="H995" s="42"/>
      <c r="I995" s="42"/>
      <c r="K995" s="83"/>
      <c r="L995" s="73"/>
      <c r="M995" s="13"/>
      <c r="N995" s="31"/>
      <c r="P995" s="32"/>
    </row>
    <row r="996" spans="1:16" ht="16.5" customHeight="1">
      <c r="A996" s="51"/>
      <c r="B996" s="42" t="s">
        <v>159</v>
      </c>
      <c r="C996" s="42"/>
      <c r="D996" s="42"/>
      <c r="E996" s="42"/>
      <c r="F996" s="42"/>
      <c r="G996" s="42"/>
      <c r="H996" s="42"/>
      <c r="I996" s="42"/>
      <c r="K996" s="92" t="s">
        <v>179</v>
      </c>
      <c r="L996" s="91" t="s">
        <v>179</v>
      </c>
      <c r="M996" s="13"/>
      <c r="N996" s="31"/>
      <c r="P996" s="32"/>
    </row>
    <row r="997" spans="1:16" ht="16.5" customHeight="1">
      <c r="A997" s="51"/>
      <c r="B997" s="42" t="s">
        <v>237</v>
      </c>
      <c r="C997" s="42"/>
      <c r="D997" s="42"/>
      <c r="E997" s="42"/>
      <c r="F997" s="42"/>
      <c r="G997" s="42"/>
      <c r="H997" s="42"/>
      <c r="I997" s="42"/>
      <c r="K997" s="92" t="s">
        <v>179</v>
      </c>
      <c r="L997" s="91" t="s">
        <v>179</v>
      </c>
      <c r="M997" s="13"/>
      <c r="N997" s="31"/>
      <c r="P997" s="32"/>
    </row>
    <row r="998" spans="1:16" ht="16.5" customHeight="1">
      <c r="A998" s="51"/>
      <c r="B998" s="42" t="s">
        <v>235</v>
      </c>
      <c r="C998" s="42"/>
      <c r="D998" s="42"/>
      <c r="E998" s="42"/>
      <c r="F998" s="42"/>
      <c r="G998" s="42"/>
      <c r="H998" s="42"/>
      <c r="I998" s="42"/>
      <c r="K998" s="83"/>
      <c r="L998" s="73"/>
      <c r="M998" s="13"/>
      <c r="N998" s="31"/>
      <c r="P998" s="32"/>
    </row>
    <row r="999" spans="1:16" ht="16.5" customHeight="1">
      <c r="A999" s="51"/>
      <c r="B999" s="42" t="s">
        <v>239</v>
      </c>
      <c r="C999" s="42"/>
      <c r="D999" s="42"/>
      <c r="E999" s="42"/>
      <c r="F999" s="42"/>
      <c r="G999" s="42"/>
      <c r="H999" s="42"/>
      <c r="I999" s="42"/>
      <c r="K999" s="92" t="s">
        <v>179</v>
      </c>
      <c r="L999" s="91" t="s">
        <v>179</v>
      </c>
      <c r="M999" s="13"/>
      <c r="N999" s="31"/>
      <c r="P999" s="32"/>
    </row>
    <row r="1000" spans="1:16" ht="16.5" customHeight="1">
      <c r="A1000" s="51"/>
      <c r="B1000" s="42" t="s">
        <v>238</v>
      </c>
      <c r="C1000" s="42"/>
      <c r="D1000" s="42"/>
      <c r="E1000" s="42"/>
      <c r="F1000" s="42"/>
      <c r="G1000" s="42"/>
      <c r="H1000" s="42"/>
      <c r="I1000" s="42"/>
      <c r="K1000" s="83"/>
      <c r="L1000" s="73"/>
      <c r="M1000" s="13"/>
      <c r="N1000" s="31"/>
      <c r="P1000" s="32"/>
    </row>
    <row r="1001" spans="1:16" ht="16.5" customHeight="1">
      <c r="A1001" s="51"/>
      <c r="B1001" s="42"/>
      <c r="C1001" s="42"/>
      <c r="D1001" s="109" t="s">
        <v>505</v>
      </c>
      <c r="E1001" s="375" t="s">
        <v>125</v>
      </c>
      <c r="F1001" s="376"/>
      <c r="G1001" s="42"/>
      <c r="H1001" s="42"/>
      <c r="I1001" s="42"/>
      <c r="K1001" s="83"/>
      <c r="L1001" s="73"/>
      <c r="M1001" s="13"/>
      <c r="N1001" s="31"/>
      <c r="P1001" s="32"/>
    </row>
    <row r="1002" spans="1:16" ht="16.5" customHeight="1">
      <c r="A1002" s="51"/>
      <c r="B1002" s="42"/>
      <c r="C1002" s="42"/>
      <c r="D1002" s="123"/>
      <c r="E1002" s="302"/>
      <c r="F1002" s="303"/>
      <c r="G1002" s="42"/>
      <c r="H1002" s="42"/>
      <c r="I1002" s="42"/>
      <c r="K1002" s="83"/>
      <c r="L1002" s="73"/>
      <c r="M1002" s="13"/>
      <c r="N1002" s="31"/>
      <c r="P1002" s="32"/>
    </row>
    <row r="1003" spans="1:16" ht="16.5" customHeight="1">
      <c r="A1003" s="51"/>
      <c r="B1003" s="42"/>
      <c r="C1003" s="42"/>
      <c r="D1003" s="123"/>
      <c r="E1003" s="302"/>
      <c r="F1003" s="303"/>
      <c r="G1003" s="42"/>
      <c r="H1003" s="42"/>
      <c r="I1003" s="42"/>
      <c r="K1003" s="83"/>
      <c r="L1003" s="73"/>
      <c r="M1003" s="13"/>
      <c r="N1003" s="31"/>
      <c r="P1003" s="32"/>
    </row>
    <row r="1004" spans="1:16" ht="16.5" customHeight="1">
      <c r="A1004" s="51"/>
      <c r="B1004" s="42"/>
      <c r="C1004" s="42"/>
      <c r="D1004" s="123"/>
      <c r="E1004" s="302"/>
      <c r="F1004" s="303"/>
      <c r="G1004" s="42"/>
      <c r="H1004" s="42"/>
      <c r="I1004" s="42"/>
      <c r="K1004" s="83"/>
      <c r="L1004" s="73"/>
      <c r="M1004" s="13"/>
      <c r="N1004" s="31"/>
      <c r="P1004" s="32"/>
    </row>
    <row r="1005" spans="1:16" ht="16.5" customHeight="1">
      <c r="A1005" s="51"/>
      <c r="B1005" s="42"/>
      <c r="C1005" s="42"/>
      <c r="D1005" s="124"/>
      <c r="E1005" s="367"/>
      <c r="F1005" s="368"/>
      <c r="G1005" s="42"/>
      <c r="H1005" s="42"/>
      <c r="I1005" s="42"/>
      <c r="K1005" s="83"/>
      <c r="L1005" s="73"/>
      <c r="M1005" s="13"/>
      <c r="N1005" s="31"/>
      <c r="P1005" s="32"/>
    </row>
    <row r="1006" spans="1:16" ht="16.5" customHeight="1">
      <c r="A1006" s="51"/>
      <c r="B1006" s="42" t="s">
        <v>240</v>
      </c>
      <c r="C1006" s="42"/>
      <c r="D1006" s="42"/>
      <c r="E1006" s="42"/>
      <c r="F1006" s="42"/>
      <c r="G1006" s="42"/>
      <c r="H1006" s="42"/>
      <c r="I1006" s="42"/>
      <c r="K1006" s="92" t="s">
        <v>179</v>
      </c>
      <c r="L1006" s="91" t="s">
        <v>179</v>
      </c>
      <c r="M1006" s="13"/>
      <c r="N1006" s="31"/>
      <c r="P1006" s="32"/>
    </row>
    <row r="1007" spans="1:16" ht="16.5" customHeight="1">
      <c r="A1007" s="51"/>
      <c r="B1007" s="42" t="s">
        <v>241</v>
      </c>
      <c r="C1007" s="42"/>
      <c r="D1007" s="42"/>
      <c r="E1007" s="42"/>
      <c r="F1007" s="42"/>
      <c r="G1007" s="42"/>
      <c r="H1007" s="42"/>
      <c r="I1007" s="42"/>
      <c r="K1007" s="83"/>
      <c r="L1007" s="73"/>
      <c r="M1007" s="13"/>
      <c r="N1007" s="31"/>
      <c r="P1007" s="32"/>
    </row>
    <row r="1008" spans="1:16" ht="16.5" customHeight="1">
      <c r="A1008" s="51"/>
      <c r="B1008" s="42"/>
      <c r="C1008" s="42"/>
      <c r="D1008" s="109" t="s">
        <v>505</v>
      </c>
      <c r="E1008" s="375" t="s">
        <v>125</v>
      </c>
      <c r="F1008" s="376"/>
      <c r="G1008" s="42"/>
      <c r="H1008" s="42"/>
      <c r="I1008" s="42"/>
      <c r="K1008" s="83"/>
      <c r="L1008" s="73"/>
      <c r="M1008" s="13"/>
      <c r="N1008" s="31"/>
      <c r="P1008" s="32"/>
    </row>
    <row r="1009" spans="1:16" ht="16.5" customHeight="1">
      <c r="A1009" s="51"/>
      <c r="B1009" s="42"/>
      <c r="C1009" s="42"/>
      <c r="D1009" s="123"/>
      <c r="E1009" s="302"/>
      <c r="F1009" s="303"/>
      <c r="G1009" s="42"/>
      <c r="H1009" s="42"/>
      <c r="I1009" s="42"/>
      <c r="K1009" s="83"/>
      <c r="L1009" s="73"/>
      <c r="M1009" s="13"/>
      <c r="N1009" s="31"/>
      <c r="P1009" s="32"/>
    </row>
    <row r="1010" spans="1:16" ht="16.5" customHeight="1">
      <c r="A1010" s="51"/>
      <c r="B1010" s="42"/>
      <c r="C1010" s="42"/>
      <c r="D1010" s="123"/>
      <c r="E1010" s="302"/>
      <c r="F1010" s="303"/>
      <c r="G1010" s="42"/>
      <c r="H1010" s="42"/>
      <c r="I1010" s="42"/>
      <c r="K1010" s="83"/>
      <c r="L1010" s="73"/>
      <c r="M1010" s="13"/>
      <c r="N1010" s="31"/>
      <c r="P1010" s="32"/>
    </row>
    <row r="1011" spans="1:16" ht="16.5" customHeight="1">
      <c r="A1011" s="51"/>
      <c r="B1011" s="42"/>
      <c r="C1011" s="42"/>
      <c r="D1011" s="123"/>
      <c r="E1011" s="302"/>
      <c r="F1011" s="303"/>
      <c r="G1011" s="42"/>
      <c r="H1011" s="42"/>
      <c r="I1011" s="42"/>
      <c r="K1011" s="83"/>
      <c r="L1011" s="73"/>
      <c r="M1011" s="13"/>
      <c r="N1011" s="31"/>
      <c r="P1011" s="32"/>
    </row>
    <row r="1012" spans="1:16" ht="16.5" customHeight="1">
      <c r="A1012" s="51"/>
      <c r="B1012" s="42"/>
      <c r="C1012" s="42"/>
      <c r="D1012" s="124"/>
      <c r="E1012" s="367"/>
      <c r="F1012" s="368"/>
      <c r="G1012" s="42"/>
      <c r="H1012" s="42"/>
      <c r="I1012" s="42"/>
      <c r="K1012" s="83"/>
      <c r="L1012" s="73"/>
      <c r="M1012" s="13"/>
      <c r="N1012" s="31"/>
      <c r="P1012" s="32"/>
    </row>
    <row r="1013" spans="1:16" ht="16.5" customHeight="1">
      <c r="A1013" s="51"/>
      <c r="B1013" s="42"/>
      <c r="C1013" s="42" t="s">
        <v>659</v>
      </c>
      <c r="D1013" s="42"/>
      <c r="E1013" s="42"/>
      <c r="F1013" s="42"/>
      <c r="G1013" s="42"/>
      <c r="H1013" s="42"/>
      <c r="I1013" s="42"/>
      <c r="K1013" s="92" t="s">
        <v>179</v>
      </c>
      <c r="L1013" s="91" t="s">
        <v>179</v>
      </c>
      <c r="M1013" s="13"/>
      <c r="N1013" s="31"/>
      <c r="P1013" s="32"/>
    </row>
    <row r="1014" spans="1:16" ht="16.5" customHeight="1">
      <c r="A1014" s="51"/>
      <c r="B1014" s="42"/>
      <c r="C1014" s="42"/>
      <c r="D1014" s="314" t="s">
        <v>660</v>
      </c>
      <c r="E1014" s="300"/>
      <c r="F1014" s="300"/>
      <c r="G1014" s="300"/>
      <c r="H1014" s="300"/>
      <c r="I1014" s="301"/>
      <c r="K1014" s="83"/>
      <c r="L1014" s="73"/>
      <c r="M1014" s="13"/>
      <c r="N1014" s="31"/>
      <c r="P1014" s="32"/>
    </row>
    <row r="1015" spans="1:16" ht="16.5" customHeight="1">
      <c r="A1015" s="51"/>
      <c r="B1015" s="42"/>
      <c r="C1015" s="42"/>
      <c r="D1015" s="436"/>
      <c r="E1015" s="284"/>
      <c r="F1015" s="284"/>
      <c r="G1015" s="284"/>
      <c r="H1015" s="284"/>
      <c r="I1015" s="437"/>
      <c r="K1015" s="83"/>
      <c r="L1015" s="73"/>
      <c r="M1015" s="13"/>
      <c r="N1015" s="31"/>
      <c r="P1015" s="32"/>
    </row>
    <row r="1016" spans="1:16" ht="16.5" customHeight="1">
      <c r="A1016" s="51"/>
      <c r="B1016" s="42"/>
      <c r="C1016" s="42"/>
      <c r="D1016" s="436"/>
      <c r="E1016" s="284"/>
      <c r="F1016" s="284"/>
      <c r="G1016" s="284"/>
      <c r="H1016" s="284"/>
      <c r="I1016" s="437"/>
      <c r="K1016" s="83"/>
      <c r="L1016" s="73"/>
      <c r="M1016" s="13"/>
      <c r="N1016" s="31"/>
      <c r="P1016" s="32"/>
    </row>
    <row r="1017" spans="1:16" ht="16.5" customHeight="1">
      <c r="A1017" s="51"/>
      <c r="B1017" s="42"/>
      <c r="C1017" s="42"/>
      <c r="D1017" s="436"/>
      <c r="E1017" s="284"/>
      <c r="F1017" s="284"/>
      <c r="G1017" s="284"/>
      <c r="H1017" s="284"/>
      <c r="I1017" s="437"/>
      <c r="K1017" s="83"/>
      <c r="L1017" s="73"/>
      <c r="M1017" s="13"/>
      <c r="N1017" s="31"/>
      <c r="P1017" s="32"/>
    </row>
    <row r="1018" spans="1:16" ht="16.5" customHeight="1">
      <c r="A1018" s="51"/>
      <c r="B1018" s="42"/>
      <c r="C1018" s="42"/>
      <c r="D1018" s="438"/>
      <c r="E1018" s="293"/>
      <c r="F1018" s="293"/>
      <c r="G1018" s="293"/>
      <c r="H1018" s="293"/>
      <c r="I1018" s="439"/>
      <c r="K1018" s="83"/>
      <c r="L1018" s="73"/>
      <c r="M1018" s="13"/>
      <c r="N1018" s="31"/>
      <c r="P1018" s="32"/>
    </row>
    <row r="1019" spans="1:16" ht="16.5" customHeight="1">
      <c r="A1019" s="51"/>
      <c r="B1019" s="42"/>
      <c r="C1019" s="42"/>
      <c r="D1019" s="42"/>
      <c r="E1019" s="42"/>
      <c r="F1019" s="42"/>
      <c r="G1019" s="42"/>
      <c r="H1019" s="42"/>
      <c r="I1019" s="42"/>
      <c r="K1019" s="83"/>
      <c r="L1019" s="73"/>
      <c r="M1019" s="13"/>
      <c r="N1019" s="31"/>
      <c r="P1019" s="32"/>
    </row>
    <row r="1020" spans="1:16" ht="16.5" customHeight="1">
      <c r="A1020" s="51"/>
      <c r="B1020" s="42"/>
      <c r="C1020" s="42"/>
      <c r="D1020" s="42"/>
      <c r="E1020" s="42"/>
      <c r="F1020" s="42"/>
      <c r="G1020" s="42"/>
      <c r="H1020" s="42"/>
      <c r="I1020" s="42"/>
      <c r="K1020" s="83"/>
      <c r="L1020" s="73"/>
      <c r="M1020" s="13"/>
      <c r="N1020" s="31"/>
      <c r="P1020" s="32"/>
    </row>
    <row r="1021" spans="1:16" ht="16.5" customHeight="1">
      <c r="A1021" s="51"/>
      <c r="B1021" s="42"/>
      <c r="C1021" s="42"/>
      <c r="D1021" s="42"/>
      <c r="E1021" s="42"/>
      <c r="F1021" s="42"/>
      <c r="G1021" s="42"/>
      <c r="H1021" s="42"/>
      <c r="I1021" s="42"/>
      <c r="K1021" s="83"/>
      <c r="L1021" s="73"/>
      <c r="M1021" s="13"/>
      <c r="N1021" s="31"/>
      <c r="P1021" s="32"/>
    </row>
    <row r="1022" spans="1:16" ht="16.5" customHeight="1">
      <c r="A1022" s="51"/>
      <c r="B1022" s="42"/>
      <c r="C1022" s="42"/>
      <c r="D1022" s="42"/>
      <c r="E1022" s="42"/>
      <c r="F1022" s="42"/>
      <c r="G1022" s="42"/>
      <c r="H1022" s="42"/>
      <c r="I1022" s="42"/>
      <c r="K1022" s="83"/>
      <c r="L1022" s="73"/>
      <c r="M1022" s="13"/>
      <c r="N1022" s="31"/>
      <c r="P1022" s="32"/>
    </row>
    <row r="1023" spans="1:16" ht="16.5" customHeight="1">
      <c r="A1023" s="51"/>
      <c r="B1023" s="42"/>
      <c r="C1023" s="42"/>
      <c r="D1023" s="42"/>
      <c r="E1023" s="42"/>
      <c r="F1023" s="42"/>
      <c r="G1023" s="42"/>
      <c r="H1023" s="42"/>
      <c r="I1023" s="42"/>
      <c r="K1023" s="83"/>
      <c r="L1023" s="73"/>
      <c r="M1023" s="13"/>
      <c r="N1023" s="31"/>
      <c r="P1023" s="32"/>
    </row>
    <row r="1024" spans="1:16" ht="16.5" customHeight="1">
      <c r="A1024" s="51"/>
      <c r="B1024" s="42"/>
      <c r="C1024" s="42"/>
      <c r="D1024" s="42"/>
      <c r="E1024" s="42"/>
      <c r="F1024" s="42"/>
      <c r="G1024" s="42"/>
      <c r="H1024" s="42"/>
      <c r="I1024" s="42"/>
      <c r="K1024" s="83"/>
      <c r="L1024" s="73"/>
      <c r="M1024" s="13"/>
      <c r="N1024" s="31"/>
      <c r="P1024" s="32"/>
    </row>
    <row r="1025" spans="1:16" ht="16.5" customHeight="1">
      <c r="A1025" s="51"/>
      <c r="B1025" s="42"/>
      <c r="C1025" s="42"/>
      <c r="D1025" s="42"/>
      <c r="E1025" s="42"/>
      <c r="F1025" s="42"/>
      <c r="G1025" s="42"/>
      <c r="H1025" s="42"/>
      <c r="I1025" s="42"/>
      <c r="K1025" s="83"/>
      <c r="L1025" s="73"/>
      <c r="M1025" s="13"/>
      <c r="N1025" s="31"/>
      <c r="P1025" s="32"/>
    </row>
    <row r="1026" spans="1:16" ht="16.5" customHeight="1">
      <c r="A1026" s="51"/>
      <c r="B1026" s="42"/>
      <c r="C1026" s="42"/>
      <c r="D1026" s="42"/>
      <c r="E1026" s="42"/>
      <c r="F1026" s="42"/>
      <c r="G1026" s="42"/>
      <c r="H1026" s="42"/>
      <c r="I1026" s="42"/>
      <c r="K1026" s="83"/>
      <c r="L1026" s="73"/>
      <c r="M1026" s="13"/>
      <c r="N1026" s="31"/>
      <c r="P1026" s="32"/>
    </row>
    <row r="1027" spans="1:16" ht="16.5" customHeight="1">
      <c r="A1027" s="51"/>
      <c r="B1027" s="42"/>
      <c r="C1027" s="42"/>
      <c r="D1027" s="42"/>
      <c r="E1027" s="42"/>
      <c r="F1027" s="42"/>
      <c r="G1027" s="42"/>
      <c r="H1027" s="42"/>
      <c r="I1027" s="42"/>
      <c r="K1027" s="83"/>
      <c r="L1027" s="73"/>
      <c r="M1027" s="13"/>
      <c r="N1027" s="31"/>
      <c r="P1027" s="32"/>
    </row>
    <row r="1028" spans="1:16" ht="16.5" customHeight="1">
      <c r="A1028" s="51"/>
      <c r="B1028" s="42"/>
      <c r="C1028" s="42"/>
      <c r="D1028" s="42"/>
      <c r="E1028" s="42"/>
      <c r="F1028" s="42"/>
      <c r="G1028" s="42"/>
      <c r="H1028" s="42"/>
      <c r="I1028" s="42"/>
      <c r="K1028" s="83"/>
      <c r="L1028" s="73"/>
      <c r="M1028" s="13"/>
      <c r="N1028" s="31"/>
      <c r="P1028" s="32"/>
    </row>
    <row r="1029" spans="1:16" ht="16.5" customHeight="1">
      <c r="A1029" s="51"/>
      <c r="B1029" s="42"/>
      <c r="C1029" s="42"/>
      <c r="D1029" s="42"/>
      <c r="E1029" s="42"/>
      <c r="F1029" s="42"/>
      <c r="G1029" s="42"/>
      <c r="H1029" s="42"/>
      <c r="I1029" s="42"/>
      <c r="K1029" s="83"/>
      <c r="L1029" s="73"/>
      <c r="M1029" s="13"/>
      <c r="N1029" s="31"/>
      <c r="P1029" s="32"/>
    </row>
    <row r="1030" spans="1:16" ht="16.5" customHeight="1">
      <c r="A1030" s="51"/>
      <c r="B1030" s="42"/>
      <c r="C1030" s="42"/>
      <c r="D1030" s="42"/>
      <c r="E1030" s="42"/>
      <c r="F1030" s="42"/>
      <c r="G1030" s="42"/>
      <c r="H1030" s="42"/>
      <c r="I1030" s="42"/>
      <c r="K1030" s="83"/>
      <c r="L1030" s="73"/>
      <c r="M1030" s="13"/>
      <c r="N1030" s="31"/>
      <c r="P1030" s="32"/>
    </row>
    <row r="1031" spans="1:16" ht="16.5" customHeight="1">
      <c r="A1031" s="51"/>
      <c r="B1031" s="42"/>
      <c r="C1031" s="42"/>
      <c r="D1031" s="42"/>
      <c r="E1031" s="42"/>
      <c r="F1031" s="42"/>
      <c r="G1031" s="42"/>
      <c r="H1031" s="42"/>
      <c r="I1031" s="42"/>
      <c r="K1031" s="83"/>
      <c r="L1031" s="73"/>
      <c r="M1031" s="13"/>
      <c r="N1031" s="31"/>
      <c r="P1031" s="32"/>
    </row>
    <row r="1032" spans="1:16" ht="16.5" customHeight="1">
      <c r="A1032" s="51"/>
      <c r="B1032" s="42"/>
      <c r="C1032" s="42"/>
      <c r="D1032" s="42"/>
      <c r="E1032" s="42"/>
      <c r="F1032" s="42"/>
      <c r="G1032" s="42"/>
      <c r="H1032" s="42"/>
      <c r="I1032" s="42"/>
      <c r="K1032" s="83"/>
      <c r="L1032" s="73"/>
      <c r="M1032" s="13"/>
      <c r="N1032" s="31"/>
      <c r="P1032" s="32"/>
    </row>
    <row r="1033" spans="1:16" ht="16.5" customHeight="1">
      <c r="A1033" s="51"/>
      <c r="B1033" s="42"/>
      <c r="C1033" s="42"/>
      <c r="D1033" s="42"/>
      <c r="E1033" s="42"/>
      <c r="F1033" s="42"/>
      <c r="G1033" s="42"/>
      <c r="H1033" s="42"/>
      <c r="I1033" s="42"/>
      <c r="K1033" s="83"/>
      <c r="L1033" s="73"/>
      <c r="M1033" s="13"/>
      <c r="N1033" s="31"/>
      <c r="P1033" s="32"/>
    </row>
    <row r="1034" spans="1:16" ht="16.5" customHeight="1">
      <c r="A1034" s="51"/>
      <c r="B1034" s="42"/>
      <c r="C1034" s="42"/>
      <c r="D1034" s="42"/>
      <c r="E1034" s="42"/>
      <c r="F1034" s="42"/>
      <c r="G1034" s="42"/>
      <c r="H1034" s="42"/>
      <c r="I1034" s="42"/>
      <c r="K1034" s="83"/>
      <c r="L1034" s="73"/>
      <c r="M1034" s="13"/>
      <c r="N1034" s="31"/>
      <c r="P1034" s="32"/>
    </row>
    <row r="1035" spans="1:16" ht="16.5" customHeight="1">
      <c r="A1035" s="51"/>
      <c r="B1035" s="42"/>
      <c r="C1035" s="42"/>
      <c r="D1035" s="42"/>
      <c r="E1035" s="42"/>
      <c r="F1035" s="42"/>
      <c r="G1035" s="42"/>
      <c r="H1035" s="42"/>
      <c r="I1035" s="42"/>
      <c r="K1035" s="83"/>
      <c r="L1035" s="73"/>
      <c r="M1035" s="13"/>
      <c r="N1035" s="31"/>
      <c r="P1035" s="32"/>
    </row>
    <row r="1036" spans="1:16" ht="16.5" customHeight="1">
      <c r="A1036" s="51"/>
      <c r="B1036" s="42"/>
      <c r="C1036" s="42"/>
      <c r="D1036" s="42"/>
      <c r="E1036" s="42"/>
      <c r="F1036" s="42"/>
      <c r="G1036" s="42"/>
      <c r="H1036" s="42"/>
      <c r="I1036" s="42"/>
      <c r="K1036" s="83"/>
      <c r="L1036" s="73"/>
      <c r="M1036" s="13"/>
      <c r="N1036" s="31"/>
      <c r="P1036" s="32"/>
    </row>
    <row r="1037" spans="1:16" ht="16.5" customHeight="1">
      <c r="A1037" s="51"/>
      <c r="B1037" s="42"/>
      <c r="C1037" s="42"/>
      <c r="D1037" s="42"/>
      <c r="E1037" s="42"/>
      <c r="F1037" s="42"/>
      <c r="G1037" s="42"/>
      <c r="H1037" s="42"/>
      <c r="I1037" s="42"/>
      <c r="K1037" s="83"/>
      <c r="L1037" s="73"/>
      <c r="M1037" s="13"/>
      <c r="N1037" s="31"/>
      <c r="P1037" s="32"/>
    </row>
    <row r="1038" spans="1:16" ht="16.5" customHeight="1">
      <c r="A1038" s="51"/>
      <c r="B1038" s="42"/>
      <c r="C1038" s="42"/>
      <c r="D1038" s="42"/>
      <c r="E1038" s="42"/>
      <c r="F1038" s="42"/>
      <c r="G1038" s="42"/>
      <c r="H1038" s="42"/>
      <c r="I1038" s="42"/>
      <c r="K1038" s="83"/>
      <c r="L1038" s="73"/>
      <c r="M1038" s="13"/>
      <c r="N1038" s="31"/>
      <c r="P1038" s="32"/>
    </row>
    <row r="1039" spans="1:16" ht="16.5" customHeight="1">
      <c r="A1039" s="51"/>
      <c r="B1039" s="42"/>
      <c r="C1039" s="42"/>
      <c r="D1039" s="42"/>
      <c r="E1039" s="42"/>
      <c r="F1039" s="42"/>
      <c r="G1039" s="42"/>
      <c r="H1039" s="42"/>
      <c r="I1039" s="42"/>
      <c r="K1039" s="83"/>
      <c r="L1039" s="73"/>
      <c r="M1039" s="13"/>
      <c r="N1039" s="31"/>
      <c r="P1039" s="32"/>
    </row>
    <row r="1040" spans="1:16" ht="16.5" customHeight="1">
      <c r="A1040" s="51"/>
      <c r="B1040" s="42"/>
      <c r="C1040" s="42"/>
      <c r="D1040" s="42"/>
      <c r="E1040" s="42"/>
      <c r="F1040" s="42"/>
      <c r="G1040" s="42"/>
      <c r="H1040" s="42"/>
      <c r="I1040" s="42"/>
      <c r="K1040" s="83"/>
      <c r="L1040" s="73"/>
      <c r="M1040" s="13"/>
      <c r="N1040" s="31"/>
      <c r="P1040" s="32"/>
    </row>
    <row r="1041" spans="1:16" ht="16.5" customHeight="1">
      <c r="A1041" s="51"/>
      <c r="B1041" s="42"/>
      <c r="C1041" s="42"/>
      <c r="D1041" s="42"/>
      <c r="E1041" s="42"/>
      <c r="F1041" s="42"/>
      <c r="G1041" s="42"/>
      <c r="H1041" s="42"/>
      <c r="I1041" s="42"/>
      <c r="K1041" s="83"/>
      <c r="L1041" s="73"/>
      <c r="M1041" s="13"/>
      <c r="N1041" s="31"/>
      <c r="P1041" s="32"/>
    </row>
    <row r="1042" spans="1:16" ht="16.5" customHeight="1">
      <c r="A1042" s="51"/>
      <c r="B1042" s="42"/>
      <c r="C1042" s="42"/>
      <c r="D1042" s="42"/>
      <c r="E1042" s="42"/>
      <c r="F1042" s="42"/>
      <c r="G1042" s="42"/>
      <c r="H1042" s="42"/>
      <c r="I1042" s="42"/>
      <c r="K1042" s="83"/>
      <c r="L1042" s="73"/>
      <c r="M1042" s="13"/>
      <c r="N1042" s="31"/>
      <c r="P1042" s="32"/>
    </row>
    <row r="1043" spans="1:16" ht="16.5" customHeight="1">
      <c r="A1043" s="51"/>
      <c r="B1043" s="42" t="s">
        <v>160</v>
      </c>
      <c r="C1043" s="42"/>
      <c r="D1043" s="42"/>
      <c r="E1043" s="42"/>
      <c r="F1043" s="42"/>
      <c r="G1043" s="42"/>
      <c r="H1043" s="42"/>
      <c r="I1043" s="42"/>
      <c r="K1043" s="83"/>
      <c r="L1043" s="73"/>
      <c r="M1043" s="13" t="s">
        <v>63</v>
      </c>
      <c r="N1043" s="31"/>
      <c r="P1043" s="32"/>
    </row>
    <row r="1044" spans="1:16" ht="16.5" customHeight="1">
      <c r="A1044" s="51"/>
      <c r="B1044" s="42" t="s">
        <v>219</v>
      </c>
      <c r="C1044" s="42"/>
      <c r="D1044" s="42"/>
      <c r="E1044" s="42"/>
      <c r="F1044" s="42"/>
      <c r="G1044" s="42"/>
      <c r="H1044" s="42"/>
      <c r="I1044" s="42"/>
      <c r="K1044" s="83"/>
      <c r="L1044" s="73"/>
      <c r="M1044" s="13" t="s">
        <v>64</v>
      </c>
      <c r="N1044" s="31"/>
      <c r="P1044" s="32"/>
    </row>
    <row r="1045" spans="1:16" ht="16.5" customHeight="1">
      <c r="A1045" s="51"/>
      <c r="B1045" s="42" t="s">
        <v>707</v>
      </c>
      <c r="C1045" s="42"/>
      <c r="D1045" s="42"/>
      <c r="E1045" s="42"/>
      <c r="F1045" s="42"/>
      <c r="G1045" s="42"/>
      <c r="H1045" s="42"/>
      <c r="I1045" s="42"/>
      <c r="K1045" s="83"/>
      <c r="L1045" s="73"/>
      <c r="M1045" s="13" t="s">
        <v>65</v>
      </c>
      <c r="N1045" s="31"/>
      <c r="P1045" s="32"/>
    </row>
    <row r="1046" spans="1:16" ht="16.5" customHeight="1">
      <c r="A1046" s="51"/>
      <c r="B1046" s="42" t="s">
        <v>242</v>
      </c>
      <c r="C1046" s="42"/>
      <c r="D1046" s="42"/>
      <c r="E1046" s="42"/>
      <c r="F1046" s="42"/>
      <c r="G1046" s="42"/>
      <c r="H1046" s="42"/>
      <c r="I1046" s="42"/>
      <c r="K1046" s="83"/>
      <c r="L1046" s="73"/>
      <c r="M1046" s="13"/>
      <c r="N1046" s="31"/>
      <c r="P1046" s="32"/>
    </row>
    <row r="1047" spans="1:16" ht="16.5" customHeight="1">
      <c r="A1047" s="51"/>
      <c r="B1047" s="42" t="s">
        <v>245</v>
      </c>
      <c r="C1047" s="42"/>
      <c r="D1047" s="42"/>
      <c r="E1047" s="42"/>
      <c r="F1047" s="42"/>
      <c r="G1047" s="42"/>
      <c r="H1047" s="42"/>
      <c r="I1047" s="42"/>
      <c r="K1047" s="83"/>
      <c r="L1047" s="73"/>
      <c r="M1047" s="13"/>
      <c r="N1047" s="31"/>
      <c r="P1047" s="32"/>
    </row>
    <row r="1048" spans="1:16" ht="16.5" customHeight="1">
      <c r="A1048" s="51"/>
      <c r="B1048" s="42" t="s">
        <v>706</v>
      </c>
      <c r="C1048" s="42"/>
      <c r="D1048" s="42"/>
      <c r="E1048" s="42"/>
      <c r="F1048" s="42"/>
      <c r="G1048" s="42"/>
      <c r="H1048" s="42"/>
      <c r="I1048" s="42"/>
      <c r="K1048" s="83"/>
      <c r="L1048" s="73"/>
      <c r="M1048" s="13"/>
      <c r="N1048" s="31"/>
      <c r="P1048" s="32"/>
    </row>
    <row r="1049" spans="1:16" ht="16.5" customHeight="1">
      <c r="A1049" s="51"/>
      <c r="B1049" s="42"/>
      <c r="C1049" s="42"/>
      <c r="D1049" s="109" t="s">
        <v>505</v>
      </c>
      <c r="E1049" s="375" t="s">
        <v>125</v>
      </c>
      <c r="F1049" s="376"/>
      <c r="G1049" s="42"/>
      <c r="H1049" s="42"/>
      <c r="I1049" s="42"/>
      <c r="K1049" s="83"/>
      <c r="L1049" s="73"/>
      <c r="M1049" s="13"/>
      <c r="N1049" s="31"/>
      <c r="P1049" s="32"/>
    </row>
    <row r="1050" spans="1:16" ht="16.5" customHeight="1">
      <c r="A1050" s="51"/>
      <c r="B1050" s="42"/>
      <c r="C1050" s="42"/>
      <c r="D1050" s="123"/>
      <c r="E1050" s="302"/>
      <c r="F1050" s="303"/>
      <c r="G1050" s="42"/>
      <c r="H1050" s="42"/>
      <c r="I1050" s="42"/>
      <c r="K1050" s="83"/>
      <c r="L1050" s="73"/>
      <c r="M1050" s="13"/>
      <c r="N1050" s="31"/>
      <c r="P1050" s="32"/>
    </row>
    <row r="1051" spans="1:16" ht="16.5" customHeight="1">
      <c r="A1051" s="51"/>
      <c r="B1051" s="42"/>
      <c r="C1051" s="42"/>
      <c r="D1051" s="123"/>
      <c r="E1051" s="302"/>
      <c r="F1051" s="303"/>
      <c r="G1051" s="42"/>
      <c r="H1051" s="42"/>
      <c r="I1051" s="42"/>
      <c r="K1051" s="83"/>
      <c r="L1051" s="73"/>
      <c r="M1051" s="13"/>
      <c r="N1051" s="31"/>
      <c r="P1051" s="32"/>
    </row>
    <row r="1052" spans="1:16" ht="16.5" customHeight="1">
      <c r="A1052" s="51"/>
      <c r="B1052" s="42"/>
      <c r="C1052" s="42"/>
      <c r="D1052" s="124"/>
      <c r="E1052" s="367"/>
      <c r="F1052" s="368"/>
      <c r="G1052" s="42"/>
      <c r="H1052" s="42"/>
      <c r="I1052" s="42"/>
      <c r="K1052" s="83"/>
      <c r="L1052" s="73"/>
      <c r="M1052" s="13"/>
      <c r="N1052" s="31"/>
      <c r="P1052" s="32"/>
    </row>
    <row r="1053" spans="1:16" ht="16.5" customHeight="1">
      <c r="A1053" s="51"/>
      <c r="B1053" s="42" t="s">
        <v>243</v>
      </c>
      <c r="C1053" s="42"/>
      <c r="D1053" s="42"/>
      <c r="E1053" s="42"/>
      <c r="F1053" s="42"/>
      <c r="G1053" s="42"/>
      <c r="H1053" s="42"/>
      <c r="I1053" s="42"/>
      <c r="K1053" s="83"/>
      <c r="L1053" s="73"/>
      <c r="M1053" s="13"/>
      <c r="N1053" s="31"/>
      <c r="P1053" s="32"/>
    </row>
    <row r="1054" spans="1:16" ht="16.5" customHeight="1">
      <c r="A1054" s="51"/>
      <c r="B1054" s="42" t="s">
        <v>245</v>
      </c>
      <c r="C1054" s="42"/>
      <c r="D1054" s="42"/>
      <c r="E1054" s="42"/>
      <c r="F1054" s="42"/>
      <c r="G1054" s="42"/>
      <c r="H1054" s="42"/>
      <c r="I1054" s="42"/>
      <c r="K1054" s="83"/>
      <c r="L1054" s="73"/>
      <c r="M1054" s="13"/>
      <c r="N1054" s="31"/>
      <c r="P1054" s="32"/>
    </row>
    <row r="1055" spans="1:16" ht="16.5" customHeight="1">
      <c r="A1055" s="51"/>
      <c r="B1055" s="42" t="s">
        <v>706</v>
      </c>
      <c r="C1055" s="42"/>
      <c r="D1055" s="42"/>
      <c r="E1055" s="42"/>
      <c r="F1055" s="42"/>
      <c r="G1055" s="42"/>
      <c r="H1055" s="42"/>
      <c r="I1055" s="42"/>
      <c r="K1055" s="83"/>
      <c r="L1055" s="73"/>
      <c r="M1055" s="13"/>
      <c r="N1055" s="31"/>
      <c r="P1055" s="32"/>
    </row>
    <row r="1056" spans="1:16" ht="16.5" customHeight="1">
      <c r="A1056" s="51"/>
      <c r="B1056" s="42"/>
      <c r="C1056" s="42"/>
      <c r="D1056" s="109" t="s">
        <v>505</v>
      </c>
      <c r="E1056" s="375" t="s">
        <v>125</v>
      </c>
      <c r="F1056" s="376"/>
      <c r="G1056" s="42"/>
      <c r="H1056" s="42"/>
      <c r="I1056" s="42"/>
      <c r="K1056" s="83"/>
      <c r="L1056" s="73"/>
      <c r="M1056" s="13"/>
      <c r="N1056" s="31"/>
      <c r="P1056" s="32"/>
    </row>
    <row r="1057" spans="1:16" ht="16.5" customHeight="1">
      <c r="A1057" s="51"/>
      <c r="B1057" s="42"/>
      <c r="C1057" s="42"/>
      <c r="D1057" s="123"/>
      <c r="E1057" s="302"/>
      <c r="F1057" s="303"/>
      <c r="G1057" s="42"/>
      <c r="H1057" s="42"/>
      <c r="I1057" s="42"/>
      <c r="K1057" s="83"/>
      <c r="L1057" s="73"/>
      <c r="M1057" s="13"/>
      <c r="N1057" s="31"/>
      <c r="P1057" s="32"/>
    </row>
    <row r="1058" spans="1:16" ht="16.5" customHeight="1">
      <c r="A1058" s="51"/>
      <c r="B1058" s="42"/>
      <c r="C1058" s="42"/>
      <c r="D1058" s="123"/>
      <c r="E1058" s="302"/>
      <c r="F1058" s="303"/>
      <c r="G1058" s="42"/>
      <c r="H1058" s="42"/>
      <c r="I1058" s="42"/>
      <c r="K1058" s="83"/>
      <c r="L1058" s="73"/>
      <c r="M1058" s="13"/>
      <c r="N1058" s="31"/>
      <c r="P1058" s="32"/>
    </row>
    <row r="1059" spans="1:16" ht="16.5" customHeight="1">
      <c r="A1059" s="51"/>
      <c r="B1059" s="42"/>
      <c r="C1059" s="42"/>
      <c r="D1059" s="124"/>
      <c r="E1059" s="367"/>
      <c r="F1059" s="368"/>
      <c r="G1059" s="42"/>
      <c r="H1059" s="42"/>
      <c r="I1059" s="42"/>
      <c r="K1059" s="83"/>
      <c r="L1059" s="73"/>
      <c r="M1059" s="13"/>
      <c r="N1059" s="31"/>
      <c r="P1059" s="32"/>
    </row>
    <row r="1060" spans="1:16" ht="16.5" customHeight="1">
      <c r="A1060" s="51"/>
      <c r="B1060" s="42" t="s">
        <v>244</v>
      </c>
      <c r="C1060" s="42"/>
      <c r="D1060" s="42"/>
      <c r="E1060" s="42"/>
      <c r="F1060" s="42"/>
      <c r="G1060" s="42"/>
      <c r="H1060" s="42"/>
      <c r="I1060" s="42"/>
      <c r="K1060" s="92" t="s">
        <v>179</v>
      </c>
      <c r="L1060" s="91" t="s">
        <v>179</v>
      </c>
      <c r="M1060" s="13"/>
      <c r="N1060" s="31"/>
      <c r="P1060" s="32"/>
    </row>
    <row r="1061" spans="1:16" ht="16.5" customHeight="1">
      <c r="A1061" s="51"/>
      <c r="B1061" s="42" t="s">
        <v>235</v>
      </c>
      <c r="C1061" s="42"/>
      <c r="D1061" s="42"/>
      <c r="E1061" s="42"/>
      <c r="F1061" s="42"/>
      <c r="G1061" s="42"/>
      <c r="H1061" s="42"/>
      <c r="I1061" s="42"/>
      <c r="K1061" s="83"/>
      <c r="L1061" s="73"/>
      <c r="M1061" s="13"/>
      <c r="N1061" s="31"/>
      <c r="P1061" s="32"/>
    </row>
    <row r="1062" spans="1:16" ht="16.5" customHeight="1">
      <c r="A1062" s="51"/>
      <c r="B1062" s="42"/>
      <c r="C1062" s="42"/>
      <c r="D1062" s="314" t="s">
        <v>662</v>
      </c>
      <c r="E1062" s="300"/>
      <c r="F1062" s="300" t="s">
        <v>663</v>
      </c>
      <c r="G1062" s="300"/>
      <c r="H1062" s="301"/>
      <c r="I1062" s="42"/>
      <c r="K1062" s="83"/>
      <c r="L1062" s="73"/>
      <c r="M1062" s="13"/>
      <c r="N1062" s="31"/>
      <c r="P1062" s="32"/>
    </row>
    <row r="1063" spans="1:16" ht="16.5" customHeight="1">
      <c r="A1063" s="51"/>
      <c r="B1063" s="42"/>
      <c r="C1063" s="42"/>
      <c r="D1063" s="304"/>
      <c r="E1063" s="305"/>
      <c r="F1063" s="306"/>
      <c r="G1063" s="307"/>
      <c r="H1063" s="308"/>
      <c r="I1063" s="42"/>
      <c r="K1063" s="83"/>
      <c r="L1063" s="73"/>
      <c r="M1063" s="13"/>
      <c r="N1063" s="31"/>
      <c r="P1063" s="32"/>
    </row>
    <row r="1064" spans="1:16" ht="16.5" customHeight="1">
      <c r="A1064" s="51"/>
      <c r="B1064" s="42"/>
      <c r="C1064" s="42"/>
      <c r="D1064" s="304"/>
      <c r="E1064" s="305"/>
      <c r="F1064" s="306"/>
      <c r="G1064" s="307"/>
      <c r="H1064" s="308"/>
      <c r="I1064" s="42"/>
      <c r="K1064" s="83"/>
      <c r="L1064" s="73"/>
      <c r="M1064" s="13"/>
      <c r="N1064" s="31"/>
      <c r="P1064" s="32"/>
    </row>
    <row r="1065" spans="1:16" ht="16.5" customHeight="1">
      <c r="A1065" s="51"/>
      <c r="B1065" s="42"/>
      <c r="C1065" s="42"/>
      <c r="D1065" s="304"/>
      <c r="E1065" s="305"/>
      <c r="F1065" s="306"/>
      <c r="G1065" s="307"/>
      <c r="H1065" s="308"/>
      <c r="I1065" s="42"/>
      <c r="K1065" s="83"/>
      <c r="L1065" s="73"/>
      <c r="M1065" s="13"/>
      <c r="N1065" s="31"/>
      <c r="P1065" s="32"/>
    </row>
    <row r="1066" spans="1:16" ht="16.5" customHeight="1">
      <c r="A1066" s="51"/>
      <c r="B1066" s="42"/>
      <c r="C1066" s="42"/>
      <c r="D1066" s="304"/>
      <c r="E1066" s="305"/>
      <c r="F1066" s="306"/>
      <c r="G1066" s="307"/>
      <c r="H1066" s="308"/>
      <c r="I1066" s="42"/>
      <c r="K1066" s="83"/>
      <c r="L1066" s="73"/>
      <c r="M1066" s="13"/>
      <c r="N1066" s="31"/>
      <c r="P1066" s="32"/>
    </row>
    <row r="1067" spans="1:16" ht="16.5" customHeight="1">
      <c r="A1067" s="51"/>
      <c r="B1067" s="42"/>
      <c r="C1067" s="42"/>
      <c r="D1067" s="304"/>
      <c r="E1067" s="305"/>
      <c r="F1067" s="306"/>
      <c r="G1067" s="307"/>
      <c r="H1067" s="308"/>
      <c r="I1067" s="42"/>
      <c r="K1067" s="83"/>
      <c r="L1067" s="73"/>
      <c r="M1067" s="13"/>
      <c r="N1067" s="31"/>
      <c r="P1067" s="32"/>
    </row>
    <row r="1068" spans="1:16" ht="16.5" customHeight="1">
      <c r="A1068" s="51"/>
      <c r="B1068" s="42"/>
      <c r="C1068" s="42"/>
      <c r="D1068" s="304"/>
      <c r="E1068" s="305"/>
      <c r="F1068" s="306"/>
      <c r="G1068" s="307"/>
      <c r="H1068" s="308"/>
      <c r="I1068" s="42"/>
      <c r="K1068" s="83"/>
      <c r="L1068" s="73"/>
      <c r="M1068" s="13"/>
      <c r="N1068" s="31"/>
      <c r="P1068" s="32"/>
    </row>
    <row r="1069" spans="1:16" ht="16.5" customHeight="1">
      <c r="A1069" s="51"/>
      <c r="B1069" s="42"/>
      <c r="C1069" s="42"/>
      <c r="D1069" s="309"/>
      <c r="E1069" s="310"/>
      <c r="F1069" s="311"/>
      <c r="G1069" s="312"/>
      <c r="H1069" s="313"/>
      <c r="I1069" s="42"/>
      <c r="K1069" s="83"/>
      <c r="L1069" s="73"/>
      <c r="M1069" s="13"/>
      <c r="N1069" s="31"/>
      <c r="P1069" s="32"/>
    </row>
    <row r="1070" spans="1:16" ht="16.5" customHeight="1">
      <c r="A1070" s="51"/>
      <c r="B1070" s="42"/>
      <c r="C1070" s="42"/>
      <c r="D1070" s="42"/>
      <c r="E1070" s="42"/>
      <c r="F1070" s="42"/>
      <c r="G1070" s="42"/>
      <c r="H1070" s="42"/>
      <c r="I1070" s="42"/>
      <c r="K1070" s="83"/>
      <c r="L1070" s="73"/>
      <c r="M1070" s="13"/>
      <c r="N1070" s="31"/>
      <c r="P1070" s="32"/>
    </row>
    <row r="1071" spans="1:16" ht="16.5" customHeight="1">
      <c r="A1071" s="51"/>
      <c r="B1071" s="42"/>
      <c r="C1071" s="42"/>
      <c r="D1071" s="42"/>
      <c r="E1071" s="42"/>
      <c r="F1071" s="42"/>
      <c r="G1071" s="42"/>
      <c r="H1071" s="42"/>
      <c r="I1071" s="42"/>
      <c r="K1071" s="83"/>
      <c r="L1071" s="73"/>
      <c r="M1071" s="13"/>
      <c r="N1071" s="31"/>
      <c r="P1071" s="32"/>
    </row>
    <row r="1072" spans="1:16" ht="16.5" customHeight="1">
      <c r="A1072" s="61"/>
      <c r="B1072" s="62"/>
      <c r="C1072" s="62"/>
      <c r="D1072" s="62"/>
      <c r="E1072" s="62"/>
      <c r="F1072" s="62"/>
      <c r="G1072" s="62"/>
      <c r="H1072" s="62"/>
      <c r="I1072" s="62"/>
      <c r="J1072" s="34"/>
      <c r="K1072" s="84"/>
      <c r="L1072" s="79"/>
      <c r="M1072" s="14"/>
      <c r="N1072" s="33"/>
      <c r="O1072" s="34"/>
      <c r="P1072" s="35"/>
    </row>
    <row r="1073" spans="1:16" ht="16.5" customHeight="1">
      <c r="A1073" s="51"/>
      <c r="B1073" s="42" t="s">
        <v>664</v>
      </c>
      <c r="C1073" s="42"/>
      <c r="D1073" s="42"/>
      <c r="E1073" s="42"/>
      <c r="F1073" s="42"/>
      <c r="G1073" s="42"/>
      <c r="H1073" s="42"/>
      <c r="I1073" s="42"/>
      <c r="K1073" s="83"/>
      <c r="L1073" s="73"/>
      <c r="M1073" s="13" t="s">
        <v>503</v>
      </c>
      <c r="N1073" s="31"/>
      <c r="P1073" s="32"/>
    </row>
    <row r="1074" spans="1:16" ht="16.5" customHeight="1">
      <c r="A1074" s="51"/>
      <c r="B1074" s="42" t="s">
        <v>162</v>
      </c>
      <c r="C1074" s="42"/>
      <c r="D1074" s="42"/>
      <c r="E1074" s="42"/>
      <c r="F1074" s="42"/>
      <c r="G1074" s="42"/>
      <c r="H1074" s="42"/>
      <c r="I1074" s="42"/>
      <c r="K1074" s="92" t="s">
        <v>179</v>
      </c>
      <c r="L1074" s="91" t="s">
        <v>179</v>
      </c>
      <c r="M1074" s="13" t="s">
        <v>504</v>
      </c>
      <c r="N1074" s="31"/>
      <c r="P1074" s="32"/>
    </row>
    <row r="1075" spans="1:16" ht="16.5" customHeight="1">
      <c r="A1075" s="51"/>
      <c r="B1075" s="42" t="s">
        <v>161</v>
      </c>
      <c r="C1075" s="42"/>
      <c r="D1075" s="42"/>
      <c r="E1075" s="42"/>
      <c r="F1075" s="42"/>
      <c r="G1075" s="42"/>
      <c r="H1075" s="42"/>
      <c r="I1075" s="42"/>
      <c r="K1075" s="83"/>
      <c r="L1075" s="73"/>
      <c r="M1075" s="13" t="s">
        <v>73</v>
      </c>
      <c r="N1075" s="31"/>
      <c r="P1075" s="32"/>
    </row>
    <row r="1076" spans="1:16" ht="16.5" customHeight="1">
      <c r="A1076" s="51"/>
      <c r="B1076" s="42" t="s">
        <v>708</v>
      </c>
      <c r="C1076" s="42"/>
      <c r="D1076" s="42"/>
      <c r="E1076" s="42"/>
      <c r="F1076" s="42"/>
      <c r="G1076" s="42"/>
      <c r="H1076" s="42"/>
      <c r="I1076" s="42"/>
      <c r="K1076" s="83"/>
      <c r="L1076" s="73"/>
      <c r="M1076" s="13" t="s">
        <v>74</v>
      </c>
      <c r="N1076" s="31"/>
      <c r="P1076" s="32"/>
    </row>
    <row r="1077" spans="1:16" ht="16.5" customHeight="1">
      <c r="A1077" s="51"/>
      <c r="B1077" s="42" t="s">
        <v>247</v>
      </c>
      <c r="C1077" s="42"/>
      <c r="D1077" s="42"/>
      <c r="E1077" s="42"/>
      <c r="F1077" s="42"/>
      <c r="G1077" s="42"/>
      <c r="H1077" s="42"/>
      <c r="I1077" s="42"/>
      <c r="K1077" s="92" t="s">
        <v>179</v>
      </c>
      <c r="L1077" s="91" t="s">
        <v>179</v>
      </c>
      <c r="M1077" s="13" t="s">
        <v>75</v>
      </c>
      <c r="N1077" s="31"/>
      <c r="P1077" s="32"/>
    </row>
    <row r="1078" spans="1:16" ht="16.5" customHeight="1">
      <c r="A1078" s="51"/>
      <c r="B1078" s="42" t="s">
        <v>246</v>
      </c>
      <c r="C1078" s="42"/>
      <c r="D1078" s="42"/>
      <c r="E1078" s="42"/>
      <c r="F1078" s="42"/>
      <c r="G1078" s="42"/>
      <c r="H1078" s="42"/>
      <c r="I1078" s="42"/>
      <c r="K1078" s="83"/>
      <c r="L1078" s="73"/>
      <c r="M1078" s="13" t="s">
        <v>76</v>
      </c>
      <c r="N1078" s="31"/>
      <c r="P1078" s="32"/>
    </row>
    <row r="1079" spans="1:16" ht="16.5" customHeight="1">
      <c r="A1079" s="51"/>
      <c r="B1079" s="42" t="s">
        <v>248</v>
      </c>
      <c r="C1079" s="42"/>
      <c r="D1079" s="42"/>
      <c r="E1079" s="42"/>
      <c r="F1079" s="42"/>
      <c r="G1079" s="42"/>
      <c r="H1079" s="42"/>
      <c r="I1079" s="42"/>
      <c r="K1079" s="92" t="s">
        <v>179</v>
      </c>
      <c r="L1079" s="91" t="s">
        <v>179</v>
      </c>
      <c r="M1079" s="13" t="s">
        <v>77</v>
      </c>
      <c r="N1079" s="31"/>
      <c r="P1079" s="32"/>
    </row>
    <row r="1080" spans="1:16" ht="16.5" customHeight="1">
      <c r="A1080" s="51"/>
      <c r="B1080" s="42" t="s">
        <v>235</v>
      </c>
      <c r="C1080" s="42"/>
      <c r="D1080" s="42"/>
      <c r="E1080" s="42"/>
      <c r="F1080" s="42"/>
      <c r="G1080" s="42"/>
      <c r="H1080" s="42"/>
      <c r="I1080" s="42"/>
      <c r="K1080" s="83"/>
      <c r="L1080" s="73"/>
      <c r="M1080" s="13" t="s">
        <v>78</v>
      </c>
      <c r="N1080" s="31"/>
      <c r="P1080" s="32"/>
    </row>
    <row r="1081" spans="1:16" ht="16.5" customHeight="1">
      <c r="A1081" s="51"/>
      <c r="B1081" s="42" t="s">
        <v>163</v>
      </c>
      <c r="C1081" s="42"/>
      <c r="D1081" s="42"/>
      <c r="E1081" s="42"/>
      <c r="F1081" s="42"/>
      <c r="G1081" s="42"/>
      <c r="H1081" s="42"/>
      <c r="I1081" s="42"/>
      <c r="K1081" s="92" t="s">
        <v>179</v>
      </c>
      <c r="L1081" s="91" t="s">
        <v>179</v>
      </c>
      <c r="M1081" s="13" t="s">
        <v>265</v>
      </c>
      <c r="N1081" s="31"/>
      <c r="P1081" s="32"/>
    </row>
    <row r="1082" spans="1:16" ht="16.5" customHeight="1">
      <c r="A1082" s="51"/>
      <c r="B1082" s="42" t="s">
        <v>164</v>
      </c>
      <c r="C1082" s="42"/>
      <c r="D1082" s="42"/>
      <c r="E1082" s="42"/>
      <c r="F1082" s="42"/>
      <c r="G1082" s="42"/>
      <c r="H1082" s="42"/>
      <c r="I1082" s="42"/>
      <c r="K1082" s="83"/>
      <c r="L1082" s="73"/>
      <c r="M1082" s="13" t="s">
        <v>266</v>
      </c>
      <c r="N1082" s="31"/>
      <c r="P1082" s="32"/>
    </row>
    <row r="1083" spans="1:16" ht="16.5" customHeight="1">
      <c r="A1083" s="51"/>
      <c r="B1083" s="42" t="s">
        <v>709</v>
      </c>
      <c r="C1083" s="42"/>
      <c r="D1083" s="42"/>
      <c r="E1083" s="42"/>
      <c r="F1083" s="42"/>
      <c r="G1083" s="42"/>
      <c r="H1083" s="42"/>
      <c r="I1083" s="42"/>
      <c r="K1083" s="83"/>
      <c r="L1083" s="73"/>
      <c r="M1083" s="13" t="s">
        <v>79</v>
      </c>
      <c r="N1083" s="31"/>
      <c r="P1083" s="32"/>
    </row>
    <row r="1084" spans="1:16" ht="16.5" customHeight="1">
      <c r="A1084" s="51"/>
      <c r="B1084" s="42"/>
      <c r="C1084" s="42"/>
      <c r="D1084" s="109" t="s">
        <v>505</v>
      </c>
      <c r="E1084" s="375" t="s">
        <v>125</v>
      </c>
      <c r="F1084" s="376"/>
      <c r="G1084" s="42"/>
      <c r="H1084" s="42"/>
      <c r="I1084" s="42"/>
      <c r="K1084" s="83"/>
      <c r="L1084" s="73"/>
      <c r="M1084" s="13" t="s">
        <v>80</v>
      </c>
      <c r="N1084" s="31"/>
      <c r="P1084" s="32"/>
    </row>
    <row r="1085" spans="1:16" ht="16.5" customHeight="1">
      <c r="A1085" s="51"/>
      <c r="B1085" s="42"/>
      <c r="C1085" s="42"/>
      <c r="D1085" s="123"/>
      <c r="E1085" s="302"/>
      <c r="F1085" s="303"/>
      <c r="G1085" s="42"/>
      <c r="H1085" s="42"/>
      <c r="I1085" s="42"/>
      <c r="K1085" s="83"/>
      <c r="L1085" s="73"/>
      <c r="M1085" s="13" t="s">
        <v>273</v>
      </c>
      <c r="N1085" s="31"/>
      <c r="P1085" s="32"/>
    </row>
    <row r="1086" spans="1:16" ht="16.5" customHeight="1">
      <c r="A1086" s="51"/>
      <c r="B1086" s="42"/>
      <c r="C1086" s="42"/>
      <c r="D1086" s="123"/>
      <c r="E1086" s="302"/>
      <c r="F1086" s="303"/>
      <c r="G1086" s="42"/>
      <c r="H1086" s="42"/>
      <c r="I1086" s="42"/>
      <c r="K1086" s="83"/>
      <c r="L1086" s="73"/>
      <c r="M1086" s="13" t="s">
        <v>274</v>
      </c>
      <c r="N1086" s="31"/>
      <c r="P1086" s="32"/>
    </row>
    <row r="1087" spans="1:16" ht="16.5" customHeight="1">
      <c r="A1087" s="51"/>
      <c r="B1087" s="42"/>
      <c r="C1087" s="42"/>
      <c r="D1087" s="123"/>
      <c r="E1087" s="302"/>
      <c r="F1087" s="303"/>
      <c r="G1087" s="42"/>
      <c r="H1087" s="42"/>
      <c r="I1087" s="42"/>
      <c r="K1087" s="83"/>
      <c r="L1087" s="73"/>
      <c r="M1087" s="13" t="s">
        <v>275</v>
      </c>
      <c r="N1087" s="31"/>
      <c r="P1087" s="32"/>
    </row>
    <row r="1088" spans="1:16" ht="16.5" customHeight="1">
      <c r="A1088" s="51"/>
      <c r="B1088" s="42"/>
      <c r="C1088" s="42"/>
      <c r="D1088" s="123"/>
      <c r="E1088" s="302"/>
      <c r="F1088" s="303"/>
      <c r="G1088" s="42"/>
      <c r="H1088" s="42"/>
      <c r="I1088" s="42"/>
      <c r="K1088" s="83"/>
      <c r="L1088" s="73"/>
      <c r="M1088" s="13" t="s">
        <v>57</v>
      </c>
      <c r="N1088" s="31"/>
      <c r="P1088" s="32"/>
    </row>
    <row r="1089" spans="1:16" ht="16.5" customHeight="1">
      <c r="A1089" s="51"/>
      <c r="B1089" s="42"/>
      <c r="C1089" s="42"/>
      <c r="D1089" s="123"/>
      <c r="E1089" s="302"/>
      <c r="F1089" s="303"/>
      <c r="G1089" s="42"/>
      <c r="H1089" s="42"/>
      <c r="I1089" s="42"/>
      <c r="K1089" s="83"/>
      <c r="L1089" s="73"/>
      <c r="M1089" s="13" t="s">
        <v>81</v>
      </c>
      <c r="N1089" s="31"/>
      <c r="P1089" s="32"/>
    </row>
    <row r="1090" spans="1:16" ht="16.5" customHeight="1">
      <c r="A1090" s="51"/>
      <c r="B1090" s="42"/>
      <c r="C1090" s="42"/>
      <c r="D1090" s="123"/>
      <c r="E1090" s="302"/>
      <c r="F1090" s="303"/>
      <c r="G1090" s="42"/>
      <c r="H1090" s="42"/>
      <c r="I1090" s="42"/>
      <c r="K1090" s="83"/>
      <c r="L1090" s="73"/>
      <c r="M1090" s="13"/>
      <c r="N1090" s="31"/>
      <c r="P1090" s="32"/>
    </row>
    <row r="1091" spans="1:16" ht="16.5" customHeight="1">
      <c r="A1091" s="51"/>
      <c r="B1091" s="42"/>
      <c r="C1091" s="42"/>
      <c r="D1091" s="123"/>
      <c r="E1091" s="302"/>
      <c r="F1091" s="303"/>
      <c r="G1091" s="42"/>
      <c r="H1091" s="42"/>
      <c r="I1091" s="42"/>
      <c r="K1091" s="83"/>
      <c r="L1091" s="73"/>
      <c r="M1091" s="13"/>
      <c r="N1091" s="31"/>
      <c r="P1091" s="32"/>
    </row>
    <row r="1092" spans="1:16" ht="16.5" customHeight="1">
      <c r="A1092" s="51"/>
      <c r="B1092" s="42"/>
      <c r="C1092" s="42"/>
      <c r="D1092" s="123"/>
      <c r="E1092" s="302"/>
      <c r="F1092" s="303"/>
      <c r="G1092" s="42"/>
      <c r="H1092" s="42"/>
      <c r="I1092" s="42"/>
      <c r="K1092" s="83"/>
      <c r="L1092" s="73"/>
      <c r="M1092" s="13"/>
      <c r="N1092" s="31"/>
      <c r="P1092" s="32"/>
    </row>
    <row r="1093" spans="1:16" ht="16.5" customHeight="1">
      <c r="A1093" s="51"/>
      <c r="B1093" s="42"/>
      <c r="C1093" s="42"/>
      <c r="D1093" s="123"/>
      <c r="E1093" s="302"/>
      <c r="F1093" s="303"/>
      <c r="G1093" s="42"/>
      <c r="H1093" s="42"/>
      <c r="I1093" s="42"/>
      <c r="K1093" s="83"/>
      <c r="L1093" s="73"/>
      <c r="M1093" s="13"/>
      <c r="N1093" s="31"/>
      <c r="P1093" s="32"/>
    </row>
    <row r="1094" spans="1:16" ht="16.5" customHeight="1">
      <c r="A1094" s="51"/>
      <c r="B1094" s="42"/>
      <c r="C1094" s="42"/>
      <c r="D1094" s="123"/>
      <c r="E1094" s="302"/>
      <c r="F1094" s="303"/>
      <c r="G1094" s="42"/>
      <c r="H1094" s="42"/>
      <c r="I1094" s="42"/>
      <c r="K1094" s="83"/>
      <c r="L1094" s="73"/>
      <c r="M1094" s="13"/>
      <c r="N1094" s="31"/>
      <c r="P1094" s="32"/>
    </row>
    <row r="1095" spans="1:16" ht="16.5" customHeight="1">
      <c r="A1095" s="51"/>
      <c r="B1095" s="42"/>
      <c r="C1095" s="42"/>
      <c r="D1095" s="123"/>
      <c r="E1095" s="302"/>
      <c r="F1095" s="303"/>
      <c r="G1095" s="42"/>
      <c r="H1095" s="42"/>
      <c r="I1095" s="42"/>
      <c r="K1095" s="83"/>
      <c r="L1095" s="73"/>
      <c r="M1095" s="13"/>
      <c r="N1095" s="31"/>
      <c r="P1095" s="32"/>
    </row>
    <row r="1096" spans="1:16" ht="16.5" customHeight="1">
      <c r="A1096" s="51"/>
      <c r="B1096" s="42"/>
      <c r="C1096" s="42"/>
      <c r="D1096" s="124"/>
      <c r="E1096" s="367"/>
      <c r="F1096" s="368"/>
      <c r="G1096" s="42"/>
      <c r="H1096" s="42"/>
      <c r="I1096" s="42"/>
      <c r="K1096" s="83"/>
      <c r="L1096" s="73"/>
      <c r="M1096" s="13"/>
      <c r="N1096" s="31"/>
      <c r="P1096" s="32"/>
    </row>
    <row r="1097" spans="1:16" ht="16.5" customHeight="1">
      <c r="A1097" s="51"/>
      <c r="B1097" s="42" t="s">
        <v>249</v>
      </c>
      <c r="C1097" s="42"/>
      <c r="D1097" s="42"/>
      <c r="E1097" s="42"/>
      <c r="F1097" s="42"/>
      <c r="G1097" s="42"/>
      <c r="H1097" s="42"/>
      <c r="I1097" s="42"/>
      <c r="K1097" s="83"/>
      <c r="L1097" s="73"/>
      <c r="M1097" s="13"/>
      <c r="N1097" s="31"/>
      <c r="P1097" s="32"/>
    </row>
    <row r="1098" spans="1:16" ht="16.5" customHeight="1">
      <c r="A1098" s="51"/>
      <c r="B1098" s="42" t="s">
        <v>710</v>
      </c>
      <c r="C1098" s="42"/>
      <c r="D1098" s="42"/>
      <c r="E1098" s="42"/>
      <c r="F1098" s="42"/>
      <c r="G1098" s="42"/>
      <c r="H1098" s="42"/>
      <c r="I1098" s="42"/>
      <c r="K1098" s="83"/>
      <c r="L1098" s="73"/>
      <c r="M1098" s="13"/>
      <c r="N1098" s="31"/>
      <c r="P1098" s="32"/>
    </row>
    <row r="1099" spans="1:16" ht="16.5" customHeight="1">
      <c r="A1099" s="51"/>
      <c r="B1099" s="42"/>
      <c r="C1099" s="42"/>
      <c r="D1099" s="109" t="s">
        <v>505</v>
      </c>
      <c r="E1099" s="375" t="s">
        <v>125</v>
      </c>
      <c r="F1099" s="376"/>
      <c r="G1099" s="42"/>
      <c r="H1099" s="42"/>
      <c r="I1099" s="42"/>
      <c r="K1099" s="83"/>
      <c r="L1099" s="73"/>
      <c r="M1099" s="13"/>
      <c r="N1099" s="31"/>
      <c r="P1099" s="32"/>
    </row>
    <row r="1100" spans="1:16" ht="16.5" customHeight="1">
      <c r="A1100" s="51"/>
      <c r="B1100" s="42"/>
      <c r="C1100" s="42"/>
      <c r="D1100" s="123"/>
      <c r="E1100" s="302"/>
      <c r="F1100" s="303"/>
      <c r="G1100" s="42"/>
      <c r="H1100" s="42"/>
      <c r="I1100" s="42"/>
      <c r="K1100" s="83"/>
      <c r="L1100" s="73"/>
      <c r="M1100" s="13"/>
      <c r="N1100" s="31"/>
      <c r="P1100" s="32"/>
    </row>
    <row r="1101" spans="1:16" ht="16.5" customHeight="1">
      <c r="A1101" s="51"/>
      <c r="B1101" s="42"/>
      <c r="C1101" s="42"/>
      <c r="D1101" s="123"/>
      <c r="E1101" s="302"/>
      <c r="F1101" s="303"/>
      <c r="G1101" s="42"/>
      <c r="H1101" s="42"/>
      <c r="I1101" s="42"/>
      <c r="K1101" s="83"/>
      <c r="L1101" s="73"/>
      <c r="M1101" s="13"/>
      <c r="N1101" s="31"/>
      <c r="P1101" s="32"/>
    </row>
    <row r="1102" spans="1:16" ht="16.5" customHeight="1">
      <c r="A1102" s="51"/>
      <c r="B1102" s="42"/>
      <c r="C1102" s="42"/>
      <c r="D1102" s="123"/>
      <c r="E1102" s="302"/>
      <c r="F1102" s="303"/>
      <c r="G1102" s="42"/>
      <c r="H1102" s="42"/>
      <c r="I1102" s="42"/>
      <c r="K1102" s="83"/>
      <c r="L1102" s="73"/>
      <c r="M1102" s="13"/>
      <c r="N1102" s="31"/>
      <c r="P1102" s="32"/>
    </row>
    <row r="1103" spans="1:16" ht="16.5" customHeight="1">
      <c r="A1103" s="51"/>
      <c r="B1103" s="42"/>
      <c r="C1103" s="42"/>
      <c r="D1103" s="124"/>
      <c r="E1103" s="367"/>
      <c r="F1103" s="368"/>
      <c r="G1103" s="42"/>
      <c r="H1103" s="42"/>
      <c r="I1103" s="42"/>
      <c r="K1103" s="83"/>
      <c r="L1103" s="73"/>
      <c r="M1103" s="13"/>
      <c r="N1103" s="31"/>
      <c r="P1103" s="32"/>
    </row>
    <row r="1104" spans="1:16" ht="16.5" customHeight="1">
      <c r="A1104" s="51"/>
      <c r="B1104" s="42" t="s">
        <v>165</v>
      </c>
      <c r="C1104" s="42"/>
      <c r="D1104" s="42"/>
      <c r="E1104" s="42"/>
      <c r="F1104" s="42"/>
      <c r="G1104" s="42"/>
      <c r="H1104" s="42"/>
      <c r="I1104" s="42"/>
      <c r="K1104" s="83"/>
      <c r="L1104" s="73"/>
      <c r="M1104" s="13"/>
      <c r="N1104" s="31"/>
      <c r="P1104" s="32"/>
    </row>
    <row r="1105" spans="1:16" ht="16.5" customHeight="1">
      <c r="A1105" s="51"/>
      <c r="B1105" s="42" t="s">
        <v>711</v>
      </c>
      <c r="C1105" s="42"/>
      <c r="D1105" s="42"/>
      <c r="E1105" s="42"/>
      <c r="F1105" s="42"/>
      <c r="G1105" s="42"/>
      <c r="H1105" s="42"/>
      <c r="I1105" s="42"/>
      <c r="K1105" s="83"/>
      <c r="L1105" s="73"/>
      <c r="M1105" s="13"/>
      <c r="N1105" s="31"/>
      <c r="P1105" s="32"/>
    </row>
    <row r="1106" spans="1:16" ht="16.5" customHeight="1">
      <c r="A1106" s="51"/>
      <c r="B1106" s="42" t="s">
        <v>166</v>
      </c>
      <c r="C1106" s="42"/>
      <c r="D1106" s="42"/>
      <c r="E1106" s="42"/>
      <c r="F1106" s="42"/>
      <c r="G1106" s="42"/>
      <c r="H1106" s="42"/>
      <c r="I1106" s="42"/>
      <c r="K1106" s="83"/>
      <c r="L1106" s="73"/>
      <c r="M1106" s="13"/>
      <c r="N1106" s="31"/>
      <c r="P1106" s="32"/>
    </row>
    <row r="1107" spans="1:16" ht="16.5" customHeight="1">
      <c r="A1107" s="51"/>
      <c r="B1107" s="42" t="s">
        <v>712</v>
      </c>
      <c r="C1107" s="42"/>
      <c r="D1107" s="42"/>
      <c r="E1107" s="42"/>
      <c r="F1107" s="42"/>
      <c r="G1107" s="42"/>
      <c r="H1107" s="42"/>
      <c r="I1107" s="42"/>
      <c r="K1107" s="83"/>
      <c r="L1107" s="73"/>
      <c r="M1107" s="13"/>
      <c r="N1107" s="31"/>
      <c r="P1107" s="32"/>
    </row>
    <row r="1108" spans="1:16" ht="16.5" customHeight="1">
      <c r="A1108" s="51"/>
      <c r="B1108" s="42" t="s">
        <v>251</v>
      </c>
      <c r="C1108" s="42"/>
      <c r="D1108" s="42"/>
      <c r="E1108" s="42"/>
      <c r="F1108" s="42"/>
      <c r="G1108" s="42"/>
      <c r="H1108" s="42"/>
      <c r="I1108" s="42"/>
      <c r="K1108" s="83"/>
      <c r="L1108" s="73"/>
      <c r="M1108" s="13"/>
      <c r="N1108" s="31"/>
      <c r="P1108" s="32"/>
    </row>
    <row r="1109" spans="1:16" ht="16.5" customHeight="1">
      <c r="A1109" s="51"/>
      <c r="B1109" s="42" t="s">
        <v>250</v>
      </c>
      <c r="C1109" s="42"/>
      <c r="D1109" s="42"/>
      <c r="E1109" s="42"/>
      <c r="F1109" s="42"/>
      <c r="G1109" s="42"/>
      <c r="H1109" s="42"/>
      <c r="I1109" s="42"/>
      <c r="K1109" s="83"/>
      <c r="L1109" s="73"/>
      <c r="M1109" s="13"/>
      <c r="N1109" s="31"/>
      <c r="P1109" s="32"/>
    </row>
    <row r="1110" spans="1:16" ht="16.5" customHeight="1">
      <c r="A1110" s="51"/>
      <c r="B1110" s="42" t="s">
        <v>713</v>
      </c>
      <c r="C1110" s="42"/>
      <c r="D1110" s="42"/>
      <c r="E1110" s="42"/>
      <c r="F1110" s="42"/>
      <c r="G1110" s="42"/>
      <c r="H1110" s="42"/>
      <c r="I1110" s="42"/>
      <c r="K1110" s="83"/>
      <c r="L1110" s="73"/>
      <c r="M1110" s="13"/>
      <c r="N1110" s="31"/>
      <c r="P1110" s="32"/>
    </row>
    <row r="1111" spans="1:16" ht="16.5" customHeight="1">
      <c r="A1111" s="51"/>
      <c r="B1111" s="42" t="s">
        <v>167</v>
      </c>
      <c r="C1111" s="42"/>
      <c r="D1111" s="42"/>
      <c r="E1111" s="42"/>
      <c r="F1111" s="42"/>
      <c r="G1111" s="42"/>
      <c r="H1111" s="42"/>
      <c r="I1111" s="42"/>
      <c r="K1111" s="83"/>
      <c r="L1111" s="73"/>
      <c r="M1111" s="13"/>
      <c r="N1111" s="31"/>
      <c r="P1111" s="32"/>
    </row>
    <row r="1112" spans="1:16" ht="16.5" customHeight="1">
      <c r="A1112" s="51"/>
      <c r="B1112" s="42" t="s">
        <v>714</v>
      </c>
      <c r="C1112" s="42"/>
      <c r="D1112" s="42"/>
      <c r="E1112" s="42"/>
      <c r="F1112" s="42"/>
      <c r="G1112" s="42"/>
      <c r="H1112" s="42"/>
      <c r="I1112" s="42"/>
      <c r="K1112" s="83"/>
      <c r="L1112" s="73"/>
      <c r="M1112" s="13"/>
      <c r="N1112" s="31"/>
      <c r="P1112" s="32"/>
    </row>
    <row r="1113" spans="1:16" ht="16.5" customHeight="1">
      <c r="A1113" s="51"/>
      <c r="B1113" s="42"/>
      <c r="C1113" s="42"/>
      <c r="D1113" s="42"/>
      <c r="E1113" s="42"/>
      <c r="F1113" s="42"/>
      <c r="G1113" s="42"/>
      <c r="H1113" s="42"/>
      <c r="I1113" s="42"/>
      <c r="K1113" s="83"/>
      <c r="L1113" s="73"/>
      <c r="M1113" s="13"/>
      <c r="N1113" s="31"/>
      <c r="P1113" s="32"/>
    </row>
    <row r="1114" spans="1:16" ht="16.5" customHeight="1">
      <c r="A1114" s="51"/>
      <c r="B1114" s="42"/>
      <c r="C1114" s="42"/>
      <c r="D1114" s="42"/>
      <c r="E1114" s="42"/>
      <c r="F1114" s="42"/>
      <c r="G1114" s="42"/>
      <c r="H1114" s="42"/>
      <c r="I1114" s="42"/>
      <c r="K1114" s="83"/>
      <c r="L1114" s="73"/>
      <c r="M1114" s="13"/>
      <c r="N1114" s="31"/>
      <c r="P1114" s="32"/>
    </row>
    <row r="1115" spans="1:16" ht="16.5" customHeight="1">
      <c r="A1115" s="51"/>
      <c r="B1115" s="42"/>
      <c r="C1115" s="42"/>
      <c r="D1115" s="42"/>
      <c r="E1115" s="42"/>
      <c r="F1115" s="42"/>
      <c r="G1115" s="42"/>
      <c r="H1115" s="42"/>
      <c r="I1115" s="42"/>
      <c r="K1115" s="83"/>
      <c r="L1115" s="73"/>
      <c r="M1115" s="13"/>
      <c r="N1115" s="31"/>
      <c r="P1115" s="32"/>
    </row>
    <row r="1116" spans="1:16" ht="16.5" customHeight="1">
      <c r="A1116" s="51"/>
      <c r="B1116" s="42"/>
      <c r="C1116" s="42"/>
      <c r="D1116" s="42"/>
      <c r="E1116" s="42"/>
      <c r="F1116" s="42"/>
      <c r="G1116" s="42"/>
      <c r="H1116" s="42"/>
      <c r="I1116" s="42"/>
      <c r="K1116" s="83"/>
      <c r="L1116" s="73"/>
      <c r="M1116" s="13"/>
      <c r="N1116" s="31"/>
      <c r="P1116" s="32"/>
    </row>
    <row r="1117" spans="1:16" ht="16.5" customHeight="1">
      <c r="A1117" s="51"/>
      <c r="B1117" s="42"/>
      <c r="C1117" s="42"/>
      <c r="D1117" s="42"/>
      <c r="E1117" s="42"/>
      <c r="F1117" s="42"/>
      <c r="G1117" s="42"/>
      <c r="H1117" s="42"/>
      <c r="I1117" s="42"/>
      <c r="K1117" s="83"/>
      <c r="L1117" s="73"/>
      <c r="M1117" s="13"/>
      <c r="N1117" s="31"/>
      <c r="P1117" s="32"/>
    </row>
    <row r="1118" spans="1:16" ht="16.5" customHeight="1">
      <c r="A1118" s="51"/>
      <c r="B1118" s="42"/>
      <c r="C1118" s="42"/>
      <c r="D1118" s="42"/>
      <c r="E1118" s="42"/>
      <c r="F1118" s="42"/>
      <c r="G1118" s="42"/>
      <c r="H1118" s="42"/>
      <c r="I1118" s="42"/>
      <c r="K1118" s="83"/>
      <c r="L1118" s="73"/>
      <c r="M1118" s="13"/>
      <c r="N1118" s="31"/>
      <c r="P1118" s="32"/>
    </row>
    <row r="1119" spans="1:16" ht="16.5" customHeight="1">
      <c r="A1119" s="61"/>
      <c r="B1119" s="62"/>
      <c r="C1119" s="62"/>
      <c r="D1119" s="62"/>
      <c r="E1119" s="62"/>
      <c r="F1119" s="62"/>
      <c r="G1119" s="62"/>
      <c r="H1119" s="62"/>
      <c r="I1119" s="62"/>
      <c r="J1119" s="34"/>
      <c r="K1119" s="84"/>
      <c r="L1119" s="79"/>
      <c r="M1119" s="14"/>
      <c r="N1119" s="33"/>
      <c r="O1119" s="34"/>
      <c r="P1119" s="35"/>
    </row>
    <row r="1120" spans="1:16" ht="16.5" customHeight="1">
      <c r="A1120" s="51" t="s">
        <v>729</v>
      </c>
      <c r="B1120" s="42"/>
      <c r="C1120" s="42"/>
      <c r="D1120" s="42"/>
      <c r="E1120" s="42"/>
      <c r="F1120" s="42"/>
      <c r="G1120" s="42"/>
      <c r="H1120" s="42"/>
      <c r="I1120" s="42"/>
      <c r="K1120" s="83"/>
      <c r="L1120" s="73"/>
      <c r="M1120" s="13"/>
      <c r="N1120" s="31"/>
      <c r="P1120" s="32"/>
    </row>
    <row r="1121" spans="1:16" ht="16.5" customHeight="1">
      <c r="A1121" s="51"/>
      <c r="B1121" s="42" t="s">
        <v>252</v>
      </c>
      <c r="C1121" s="42"/>
      <c r="D1121" s="42"/>
      <c r="E1121" s="42"/>
      <c r="F1121" s="42"/>
      <c r="G1121" s="42"/>
      <c r="H1121" s="42"/>
      <c r="I1121" s="42"/>
      <c r="K1121" s="83"/>
      <c r="L1121" s="73"/>
      <c r="M1121" s="13" t="s">
        <v>53</v>
      </c>
      <c r="N1121" s="31"/>
      <c r="P1121" s="32"/>
    </row>
    <row r="1122" spans="1:16" ht="16.5" customHeight="1">
      <c r="A1122" s="51"/>
      <c r="B1122" s="42" t="s">
        <v>322</v>
      </c>
      <c r="C1122" s="42"/>
      <c r="D1122" s="42"/>
      <c r="E1122" s="42"/>
      <c r="F1122" s="42"/>
      <c r="G1122" s="42"/>
      <c r="H1122" s="42"/>
      <c r="I1122" s="42"/>
      <c r="K1122" s="83"/>
      <c r="L1122" s="73"/>
      <c r="M1122" s="13" t="s">
        <v>265</v>
      </c>
      <c r="N1122" s="31"/>
      <c r="P1122" s="32"/>
    </row>
    <row r="1123" spans="1:16" ht="16.5" customHeight="1">
      <c r="A1123" s="51"/>
      <c r="B1123" s="42" t="s">
        <v>254</v>
      </c>
      <c r="C1123" s="42"/>
      <c r="D1123" s="42"/>
      <c r="E1123" s="42"/>
      <c r="F1123" s="42"/>
      <c r="G1123" s="42"/>
      <c r="H1123" s="42"/>
      <c r="I1123" s="42"/>
      <c r="K1123" s="83"/>
      <c r="L1123" s="73"/>
      <c r="M1123" s="13" t="s">
        <v>266</v>
      </c>
      <c r="N1123" s="31"/>
      <c r="P1123" s="32"/>
    </row>
    <row r="1124" spans="1:16" ht="16.5" customHeight="1">
      <c r="A1124" s="51"/>
      <c r="B1124" s="42" t="s">
        <v>253</v>
      </c>
      <c r="C1124" s="42"/>
      <c r="D1124" s="42"/>
      <c r="E1124" s="42"/>
      <c r="F1124" s="42"/>
      <c r="G1124" s="42"/>
      <c r="H1124" s="42"/>
      <c r="I1124" s="42"/>
      <c r="K1124" s="83"/>
      <c r="L1124" s="73"/>
      <c r="M1124" s="13" t="s">
        <v>54</v>
      </c>
      <c r="N1124" s="31"/>
      <c r="P1124" s="32"/>
    </row>
    <row r="1125" spans="1:16" ht="16.5" customHeight="1">
      <c r="A1125" s="51"/>
      <c r="B1125" s="42" t="s">
        <v>715</v>
      </c>
      <c r="C1125" s="42"/>
      <c r="D1125" s="42"/>
      <c r="E1125" s="42"/>
      <c r="F1125" s="42"/>
      <c r="G1125" s="42"/>
      <c r="H1125" s="42"/>
      <c r="I1125" s="42"/>
      <c r="K1125" s="83"/>
      <c r="L1125" s="73"/>
      <c r="M1125" s="13" t="s">
        <v>55</v>
      </c>
      <c r="N1125" s="31"/>
      <c r="P1125" s="32"/>
    </row>
    <row r="1126" spans="1:16" ht="16.5" customHeight="1">
      <c r="A1126" s="51"/>
      <c r="B1126" s="42"/>
      <c r="C1126" s="42"/>
      <c r="D1126" s="109" t="s">
        <v>505</v>
      </c>
      <c r="E1126" s="375" t="s">
        <v>125</v>
      </c>
      <c r="F1126" s="376"/>
      <c r="G1126" s="42"/>
      <c r="H1126" s="42"/>
      <c r="I1126" s="42"/>
      <c r="K1126" s="83"/>
      <c r="L1126" s="73"/>
      <c r="M1126" s="13" t="s">
        <v>56</v>
      </c>
      <c r="N1126" s="31"/>
      <c r="P1126" s="32"/>
    </row>
    <row r="1127" spans="1:16" ht="16.5" customHeight="1">
      <c r="A1127" s="51"/>
      <c r="B1127" s="42"/>
      <c r="C1127" s="42"/>
      <c r="D1127" s="123"/>
      <c r="E1127" s="302"/>
      <c r="F1127" s="303"/>
      <c r="G1127" s="42"/>
      <c r="H1127" s="42"/>
      <c r="I1127" s="42"/>
      <c r="K1127" s="83"/>
      <c r="L1127" s="73"/>
      <c r="M1127" s="13" t="s">
        <v>57</v>
      </c>
      <c r="N1127" s="31"/>
      <c r="P1127" s="32"/>
    </row>
    <row r="1128" spans="1:16" ht="16.5" customHeight="1">
      <c r="A1128" s="51"/>
      <c r="B1128" s="42"/>
      <c r="C1128" s="42"/>
      <c r="D1128" s="123"/>
      <c r="E1128" s="302"/>
      <c r="F1128" s="303"/>
      <c r="G1128" s="42"/>
      <c r="H1128" s="42"/>
      <c r="I1128" s="42"/>
      <c r="K1128" s="83"/>
      <c r="L1128" s="73"/>
      <c r="M1128" s="13" t="s">
        <v>58</v>
      </c>
      <c r="N1128" s="31"/>
      <c r="P1128" s="32"/>
    </row>
    <row r="1129" spans="1:16" ht="16.5" customHeight="1">
      <c r="A1129" s="51"/>
      <c r="B1129" s="42"/>
      <c r="C1129" s="42"/>
      <c r="D1129" s="123"/>
      <c r="E1129" s="302"/>
      <c r="F1129" s="303"/>
      <c r="G1129" s="42"/>
      <c r="H1129" s="42"/>
      <c r="I1129" s="42"/>
      <c r="K1129" s="83"/>
      <c r="L1129" s="73"/>
      <c r="M1129" s="13"/>
      <c r="N1129" s="31"/>
      <c r="P1129" s="32"/>
    </row>
    <row r="1130" spans="1:16" ht="16.5" customHeight="1">
      <c r="A1130" s="51"/>
      <c r="B1130" s="42"/>
      <c r="C1130" s="42"/>
      <c r="D1130" s="123"/>
      <c r="E1130" s="302"/>
      <c r="F1130" s="303"/>
      <c r="G1130" s="42"/>
      <c r="H1130" s="42"/>
      <c r="I1130" s="42"/>
      <c r="K1130" s="83"/>
      <c r="L1130" s="73"/>
      <c r="M1130" s="13"/>
      <c r="N1130" s="31"/>
      <c r="P1130" s="32"/>
    </row>
    <row r="1131" spans="1:16" ht="16.5" customHeight="1">
      <c r="A1131" s="51"/>
      <c r="B1131" s="42"/>
      <c r="C1131" s="42"/>
      <c r="D1131" s="123"/>
      <c r="E1131" s="302"/>
      <c r="F1131" s="303"/>
      <c r="G1131" s="42"/>
      <c r="H1131" s="42"/>
      <c r="I1131" s="42"/>
      <c r="K1131" s="83"/>
      <c r="L1131" s="73"/>
      <c r="M1131" s="13"/>
      <c r="N1131" s="31"/>
      <c r="P1131" s="32"/>
    </row>
    <row r="1132" spans="1:16" ht="16.5" customHeight="1">
      <c r="A1132" s="51"/>
      <c r="B1132" s="42"/>
      <c r="C1132" s="42"/>
      <c r="D1132" s="123"/>
      <c r="E1132" s="302"/>
      <c r="F1132" s="303"/>
      <c r="G1132" s="42"/>
      <c r="H1132" s="42"/>
      <c r="I1132" s="42"/>
      <c r="K1132" s="83"/>
      <c r="L1132" s="73"/>
      <c r="M1132" s="13"/>
      <c r="N1132" s="31"/>
      <c r="P1132" s="32"/>
    </row>
    <row r="1133" spans="1:16" ht="16.5" customHeight="1">
      <c r="A1133" s="51"/>
      <c r="B1133" s="42"/>
      <c r="C1133" s="42"/>
      <c r="D1133" s="123"/>
      <c r="E1133" s="302"/>
      <c r="F1133" s="303"/>
      <c r="G1133" s="42"/>
      <c r="H1133" s="42"/>
      <c r="I1133" s="42"/>
      <c r="K1133" s="83"/>
      <c r="L1133" s="73"/>
      <c r="M1133" s="13"/>
      <c r="N1133" s="31"/>
      <c r="P1133" s="32"/>
    </row>
    <row r="1134" spans="1:16" ht="16.5" customHeight="1">
      <c r="A1134" s="51"/>
      <c r="B1134" s="42"/>
      <c r="C1134" s="42"/>
      <c r="D1134" s="123"/>
      <c r="E1134" s="302"/>
      <c r="F1134" s="303"/>
      <c r="G1134" s="42"/>
      <c r="H1134" s="42"/>
      <c r="I1134" s="42"/>
      <c r="K1134" s="83"/>
      <c r="L1134" s="73"/>
      <c r="M1134" s="13"/>
      <c r="N1134" s="31"/>
      <c r="P1134" s="32"/>
    </row>
    <row r="1135" spans="1:16" ht="16.5" customHeight="1">
      <c r="A1135" s="51"/>
      <c r="B1135" s="42"/>
      <c r="C1135" s="42"/>
      <c r="D1135" s="123"/>
      <c r="E1135" s="302"/>
      <c r="F1135" s="303"/>
      <c r="G1135" s="42"/>
      <c r="H1135" s="42"/>
      <c r="I1135" s="42"/>
      <c r="K1135" s="83"/>
      <c r="L1135" s="73"/>
      <c r="M1135" s="13"/>
      <c r="N1135" s="31"/>
      <c r="P1135" s="32"/>
    </row>
    <row r="1136" spans="1:16" ht="16.5" customHeight="1">
      <c r="A1136" s="51"/>
      <c r="B1136" s="42"/>
      <c r="C1136" s="42"/>
      <c r="D1136" s="123"/>
      <c r="E1136" s="302"/>
      <c r="F1136" s="303"/>
      <c r="G1136" s="42"/>
      <c r="H1136" s="42"/>
      <c r="I1136" s="42"/>
      <c r="K1136" s="83"/>
      <c r="L1136" s="73"/>
      <c r="M1136" s="13"/>
      <c r="N1136" s="31"/>
      <c r="P1136" s="32"/>
    </row>
    <row r="1137" spans="1:16" ht="16.5" customHeight="1">
      <c r="A1137" s="51"/>
      <c r="B1137" s="42"/>
      <c r="C1137" s="42"/>
      <c r="D1137" s="123"/>
      <c r="E1137" s="302"/>
      <c r="F1137" s="303"/>
      <c r="G1137" s="42"/>
      <c r="H1137" s="42"/>
      <c r="I1137" s="42"/>
      <c r="K1137" s="83"/>
      <c r="L1137" s="73"/>
      <c r="M1137" s="13"/>
      <c r="N1137" s="31"/>
      <c r="P1137" s="32"/>
    </row>
    <row r="1138" spans="1:16" ht="16.5" customHeight="1">
      <c r="A1138" s="51"/>
      <c r="B1138" s="42"/>
      <c r="C1138" s="42"/>
      <c r="D1138" s="124"/>
      <c r="E1138" s="367"/>
      <c r="F1138" s="368"/>
      <c r="G1138" s="42"/>
      <c r="H1138" s="42"/>
      <c r="I1138" s="42"/>
      <c r="K1138" s="83"/>
      <c r="L1138" s="73"/>
      <c r="M1138" s="13"/>
      <c r="N1138" s="31"/>
      <c r="P1138" s="32"/>
    </row>
    <row r="1139" spans="1:16" ht="16.5" customHeight="1">
      <c r="A1139" s="51"/>
      <c r="B1139" s="42" t="s">
        <v>168</v>
      </c>
      <c r="C1139" s="42"/>
      <c r="D1139" s="42"/>
      <c r="E1139" s="42"/>
      <c r="F1139" s="42"/>
      <c r="G1139" s="42"/>
      <c r="H1139" s="42"/>
      <c r="I1139" s="42"/>
      <c r="K1139" s="83"/>
      <c r="L1139" s="73"/>
      <c r="M1139" s="13"/>
      <c r="N1139" s="31"/>
      <c r="P1139" s="32"/>
    </row>
    <row r="1140" spans="1:16" ht="16.5" customHeight="1">
      <c r="A1140" s="51"/>
      <c r="B1140" s="42" t="s">
        <v>716</v>
      </c>
      <c r="C1140" s="42"/>
      <c r="D1140" s="42"/>
      <c r="E1140" s="42"/>
      <c r="F1140" s="42"/>
      <c r="G1140" s="42"/>
      <c r="H1140" s="42"/>
      <c r="I1140" s="42"/>
      <c r="K1140" s="83"/>
      <c r="L1140" s="73"/>
      <c r="M1140" s="13"/>
      <c r="N1140" s="31"/>
      <c r="P1140" s="32"/>
    </row>
    <row r="1141" spans="1:16" ht="16.5" customHeight="1">
      <c r="A1141" s="51"/>
      <c r="B1141" s="42" t="s">
        <v>255</v>
      </c>
      <c r="C1141" s="42"/>
      <c r="D1141" s="42"/>
      <c r="E1141" s="42"/>
      <c r="F1141" s="42"/>
      <c r="G1141" s="42"/>
      <c r="H1141" s="42"/>
      <c r="I1141" s="42"/>
      <c r="K1141" s="83"/>
      <c r="L1141" s="73"/>
      <c r="M1141" s="13"/>
      <c r="N1141" s="31"/>
      <c r="P1141" s="32"/>
    </row>
    <row r="1142" spans="1:16" ht="16.5" customHeight="1">
      <c r="A1142" s="51"/>
      <c r="B1142" s="42" t="s">
        <v>717</v>
      </c>
      <c r="C1142" s="42"/>
      <c r="D1142" s="42"/>
      <c r="E1142" s="42"/>
      <c r="F1142" s="42"/>
      <c r="G1142" s="42"/>
      <c r="H1142" s="42"/>
      <c r="I1142" s="42"/>
      <c r="K1142" s="83"/>
      <c r="L1142" s="73"/>
      <c r="M1142" s="13"/>
      <c r="N1142" s="31"/>
      <c r="P1142" s="32"/>
    </row>
    <row r="1143" spans="1:16" ht="16.5" customHeight="1">
      <c r="A1143" s="51"/>
      <c r="B1143" s="42"/>
      <c r="C1143" s="42"/>
      <c r="D1143" s="109" t="s">
        <v>505</v>
      </c>
      <c r="E1143" s="375" t="s">
        <v>125</v>
      </c>
      <c r="F1143" s="376"/>
      <c r="G1143" s="42"/>
      <c r="H1143" s="42"/>
      <c r="I1143" s="42"/>
      <c r="K1143" s="83"/>
      <c r="L1143" s="73"/>
      <c r="M1143" s="13"/>
      <c r="N1143" s="31"/>
      <c r="P1143" s="32"/>
    </row>
    <row r="1144" spans="1:16" ht="16.5" customHeight="1">
      <c r="A1144" s="51"/>
      <c r="B1144" s="42"/>
      <c r="C1144" s="42"/>
      <c r="D1144" s="123"/>
      <c r="E1144" s="302"/>
      <c r="F1144" s="303"/>
      <c r="G1144" s="42"/>
      <c r="H1144" s="42"/>
      <c r="I1144" s="42"/>
      <c r="K1144" s="83"/>
      <c r="L1144" s="73"/>
      <c r="M1144" s="13"/>
      <c r="N1144" s="31"/>
      <c r="P1144" s="32"/>
    </row>
    <row r="1145" spans="1:16" ht="16.5" customHeight="1">
      <c r="A1145" s="51"/>
      <c r="B1145" s="42"/>
      <c r="C1145" s="42"/>
      <c r="D1145" s="123"/>
      <c r="E1145" s="302"/>
      <c r="F1145" s="303"/>
      <c r="G1145" s="42"/>
      <c r="H1145" s="42"/>
      <c r="I1145" s="42"/>
      <c r="K1145" s="83"/>
      <c r="L1145" s="73"/>
      <c r="M1145" s="13"/>
      <c r="N1145" s="31"/>
      <c r="P1145" s="32"/>
    </row>
    <row r="1146" spans="1:16" ht="16.5" customHeight="1">
      <c r="A1146" s="51"/>
      <c r="B1146" s="42"/>
      <c r="C1146" s="42"/>
      <c r="D1146" s="123"/>
      <c r="E1146" s="302"/>
      <c r="F1146" s="303"/>
      <c r="G1146" s="42"/>
      <c r="H1146" s="42"/>
      <c r="I1146" s="42"/>
      <c r="K1146" s="83"/>
      <c r="L1146" s="73"/>
      <c r="M1146" s="13"/>
      <c r="N1146" s="31"/>
      <c r="P1146" s="32"/>
    </row>
    <row r="1147" spans="1:16" ht="16.5" customHeight="1">
      <c r="A1147" s="51"/>
      <c r="B1147" s="42"/>
      <c r="C1147" s="42"/>
      <c r="D1147" s="124"/>
      <c r="E1147" s="367"/>
      <c r="F1147" s="368"/>
      <c r="G1147" s="42"/>
      <c r="H1147" s="42"/>
      <c r="I1147" s="42"/>
      <c r="K1147" s="83"/>
      <c r="L1147" s="73"/>
      <c r="M1147" s="13"/>
      <c r="N1147" s="31"/>
      <c r="P1147" s="32"/>
    </row>
    <row r="1148" spans="1:16" ht="16.5" customHeight="1">
      <c r="A1148" s="51"/>
      <c r="B1148" s="42" t="s">
        <v>167</v>
      </c>
      <c r="C1148" s="42"/>
      <c r="D1148" s="42"/>
      <c r="E1148" s="42"/>
      <c r="F1148" s="42"/>
      <c r="G1148" s="42"/>
      <c r="H1148" s="42"/>
      <c r="I1148" s="42"/>
      <c r="K1148" s="83"/>
      <c r="L1148" s="73"/>
      <c r="M1148" s="13"/>
      <c r="N1148" s="31"/>
      <c r="P1148" s="32"/>
    </row>
    <row r="1149" spans="1:16" ht="16.5" customHeight="1">
      <c r="A1149" s="51"/>
      <c r="B1149" s="42" t="s">
        <v>718</v>
      </c>
      <c r="C1149" s="42"/>
      <c r="D1149" s="42"/>
      <c r="E1149" s="42"/>
      <c r="F1149" s="42"/>
      <c r="G1149" s="42"/>
      <c r="H1149" s="42"/>
      <c r="I1149" s="42"/>
      <c r="K1149" s="83"/>
      <c r="L1149" s="73"/>
      <c r="M1149" s="13"/>
      <c r="N1149" s="31"/>
      <c r="P1149" s="32"/>
    </row>
    <row r="1150" spans="1:16" ht="16.5" customHeight="1">
      <c r="A1150" s="51"/>
      <c r="B1150" s="42"/>
      <c r="C1150" s="42"/>
      <c r="D1150" s="42"/>
      <c r="E1150" s="42"/>
      <c r="F1150" s="42"/>
      <c r="G1150" s="42"/>
      <c r="H1150" s="42"/>
      <c r="I1150" s="42"/>
      <c r="K1150" s="83"/>
      <c r="L1150" s="73"/>
      <c r="M1150" s="13"/>
      <c r="N1150" s="31"/>
      <c r="P1150" s="32"/>
    </row>
    <row r="1151" spans="1:16" ht="16.5" customHeight="1">
      <c r="A1151" s="51"/>
      <c r="B1151" s="42"/>
      <c r="C1151" s="42"/>
      <c r="D1151" s="42"/>
      <c r="E1151" s="42"/>
      <c r="F1151" s="42"/>
      <c r="G1151" s="42"/>
      <c r="H1151" s="42"/>
      <c r="I1151" s="42"/>
      <c r="K1151" s="83"/>
      <c r="L1151" s="73"/>
      <c r="M1151" s="13"/>
      <c r="N1151" s="31"/>
      <c r="P1151" s="32"/>
    </row>
    <row r="1152" spans="1:16" ht="16.5" customHeight="1">
      <c r="A1152" s="51"/>
      <c r="B1152" s="42"/>
      <c r="C1152" s="42"/>
      <c r="D1152" s="42"/>
      <c r="E1152" s="42"/>
      <c r="F1152" s="42"/>
      <c r="G1152" s="42"/>
      <c r="H1152" s="42"/>
      <c r="I1152" s="42"/>
      <c r="K1152" s="83"/>
      <c r="L1152" s="73"/>
      <c r="M1152" s="13"/>
      <c r="N1152" s="31"/>
      <c r="P1152" s="32"/>
    </row>
    <row r="1153" spans="1:16" ht="16.5" customHeight="1">
      <c r="A1153" s="51"/>
      <c r="B1153" s="42"/>
      <c r="C1153" s="42"/>
      <c r="D1153" s="42"/>
      <c r="E1153" s="42"/>
      <c r="F1153" s="42"/>
      <c r="G1153" s="42"/>
      <c r="H1153" s="42"/>
      <c r="I1153" s="42"/>
      <c r="K1153" s="83"/>
      <c r="L1153" s="73"/>
      <c r="M1153" s="13"/>
      <c r="N1153" s="31"/>
      <c r="P1153" s="32"/>
    </row>
    <row r="1154" spans="1:16" ht="16.5" customHeight="1">
      <c r="A1154" s="51"/>
      <c r="B1154" s="42"/>
      <c r="C1154" s="42"/>
      <c r="D1154" s="42"/>
      <c r="E1154" s="42"/>
      <c r="F1154" s="42"/>
      <c r="G1154" s="42"/>
      <c r="H1154" s="42"/>
      <c r="I1154" s="42"/>
      <c r="K1154" s="83"/>
      <c r="L1154" s="73"/>
      <c r="M1154" s="13"/>
      <c r="N1154" s="31"/>
      <c r="P1154" s="32"/>
    </row>
    <row r="1155" spans="1:16" ht="16.5" customHeight="1">
      <c r="A1155" s="51"/>
      <c r="B1155" s="42"/>
      <c r="C1155" s="42"/>
      <c r="D1155" s="42"/>
      <c r="E1155" s="42"/>
      <c r="F1155" s="42"/>
      <c r="G1155" s="42"/>
      <c r="H1155" s="42"/>
      <c r="I1155" s="42"/>
      <c r="K1155" s="83"/>
      <c r="L1155" s="73"/>
      <c r="M1155" s="13"/>
      <c r="N1155" s="31"/>
      <c r="P1155" s="32"/>
    </row>
    <row r="1156" spans="1:16" ht="16.5" customHeight="1">
      <c r="A1156" s="51"/>
      <c r="B1156" s="42"/>
      <c r="C1156" s="42"/>
      <c r="D1156" s="42"/>
      <c r="E1156" s="42"/>
      <c r="F1156" s="42"/>
      <c r="G1156" s="42"/>
      <c r="H1156" s="42"/>
      <c r="I1156" s="42"/>
      <c r="K1156" s="83"/>
      <c r="L1156" s="73"/>
      <c r="M1156" s="13"/>
      <c r="N1156" s="31"/>
      <c r="P1156" s="32"/>
    </row>
    <row r="1157" spans="1:16" ht="16.5" customHeight="1">
      <c r="A1157" s="51"/>
      <c r="B1157" s="42"/>
      <c r="C1157" s="42"/>
      <c r="D1157" s="42"/>
      <c r="E1157" s="42"/>
      <c r="F1157" s="42"/>
      <c r="G1157" s="42"/>
      <c r="H1157" s="42"/>
      <c r="I1157" s="42"/>
      <c r="K1157" s="83"/>
      <c r="L1157" s="73"/>
      <c r="M1157" s="13"/>
      <c r="N1157" s="31"/>
      <c r="P1157" s="32"/>
    </row>
    <row r="1158" spans="1:16" ht="16.5" customHeight="1">
      <c r="A1158" s="51"/>
      <c r="B1158" s="42"/>
      <c r="C1158" s="42"/>
      <c r="D1158" s="42"/>
      <c r="E1158" s="42"/>
      <c r="F1158" s="42"/>
      <c r="G1158" s="42"/>
      <c r="H1158" s="42"/>
      <c r="I1158" s="42"/>
      <c r="K1158" s="83"/>
      <c r="L1158" s="73"/>
      <c r="M1158" s="13"/>
      <c r="N1158" s="31"/>
      <c r="P1158" s="32"/>
    </row>
    <row r="1159" spans="1:16" ht="16.5" customHeight="1">
      <c r="A1159" s="51"/>
      <c r="B1159" s="42"/>
      <c r="C1159" s="42"/>
      <c r="D1159" s="42"/>
      <c r="E1159" s="42"/>
      <c r="F1159" s="42"/>
      <c r="G1159" s="42"/>
      <c r="H1159" s="42"/>
      <c r="I1159" s="42"/>
      <c r="K1159" s="83"/>
      <c r="L1159" s="73"/>
      <c r="M1159" s="13"/>
      <c r="N1159" s="31"/>
      <c r="P1159" s="32"/>
    </row>
    <row r="1160" spans="1:16" ht="16.5" customHeight="1">
      <c r="A1160" s="51"/>
      <c r="B1160" s="42"/>
      <c r="C1160" s="42"/>
      <c r="D1160" s="42"/>
      <c r="E1160" s="42"/>
      <c r="F1160" s="42"/>
      <c r="G1160" s="42"/>
      <c r="H1160" s="42"/>
      <c r="I1160" s="42"/>
      <c r="K1160" s="83"/>
      <c r="L1160" s="73"/>
      <c r="M1160" s="13"/>
      <c r="N1160" s="31"/>
      <c r="P1160" s="32"/>
    </row>
    <row r="1161" spans="1:16" ht="16.5" customHeight="1">
      <c r="A1161" s="51"/>
      <c r="B1161" s="42"/>
      <c r="C1161" s="42"/>
      <c r="D1161" s="42"/>
      <c r="E1161" s="42"/>
      <c r="F1161" s="42"/>
      <c r="G1161" s="42"/>
      <c r="H1161" s="42"/>
      <c r="I1161" s="42"/>
      <c r="K1161" s="83"/>
      <c r="L1161" s="73"/>
      <c r="M1161" s="13"/>
      <c r="N1161" s="31"/>
      <c r="P1161" s="32"/>
    </row>
    <row r="1162" spans="1:16" ht="16.5" customHeight="1">
      <c r="A1162" s="51"/>
      <c r="B1162" s="42"/>
      <c r="C1162" s="42"/>
      <c r="D1162" s="42"/>
      <c r="E1162" s="42"/>
      <c r="F1162" s="42"/>
      <c r="G1162" s="42"/>
      <c r="H1162" s="42"/>
      <c r="I1162" s="42"/>
      <c r="K1162" s="83"/>
      <c r="L1162" s="73"/>
      <c r="M1162" s="13"/>
      <c r="N1162" s="31"/>
      <c r="P1162" s="32"/>
    </row>
    <row r="1163" spans="1:16" ht="16.5" customHeight="1">
      <c r="A1163" s="51"/>
      <c r="B1163" s="42"/>
      <c r="C1163" s="42"/>
      <c r="D1163" s="42"/>
      <c r="E1163" s="42"/>
      <c r="F1163" s="42"/>
      <c r="G1163" s="42"/>
      <c r="H1163" s="42"/>
      <c r="I1163" s="42"/>
      <c r="K1163" s="83"/>
      <c r="L1163" s="73"/>
      <c r="M1163" s="13"/>
      <c r="N1163" s="31"/>
      <c r="P1163" s="32"/>
    </row>
    <row r="1164" spans="1:16" ht="16.5" customHeight="1">
      <c r="A1164" s="51"/>
      <c r="B1164" s="42"/>
      <c r="C1164" s="42"/>
      <c r="D1164" s="42"/>
      <c r="E1164" s="42"/>
      <c r="F1164" s="42"/>
      <c r="G1164" s="42"/>
      <c r="H1164" s="42"/>
      <c r="I1164" s="42"/>
      <c r="K1164" s="83"/>
      <c r="L1164" s="73"/>
      <c r="M1164" s="13"/>
      <c r="N1164" s="31"/>
      <c r="P1164" s="32"/>
    </row>
    <row r="1165" spans="1:16" ht="16.5" customHeight="1">
      <c r="A1165" s="51"/>
      <c r="B1165" s="42"/>
      <c r="C1165" s="42"/>
      <c r="D1165" s="42"/>
      <c r="E1165" s="42"/>
      <c r="F1165" s="42"/>
      <c r="G1165" s="42"/>
      <c r="H1165" s="42"/>
      <c r="I1165" s="42"/>
      <c r="K1165" s="83"/>
      <c r="L1165" s="73"/>
      <c r="M1165" s="13"/>
      <c r="N1165" s="31"/>
      <c r="P1165" s="32"/>
    </row>
    <row r="1166" spans="1:16" ht="16.5" customHeight="1">
      <c r="A1166" s="61"/>
      <c r="B1166" s="62"/>
      <c r="C1166" s="62"/>
      <c r="D1166" s="62"/>
      <c r="E1166" s="62"/>
      <c r="F1166" s="62"/>
      <c r="G1166" s="62"/>
      <c r="H1166" s="62"/>
      <c r="I1166" s="62"/>
      <c r="J1166" s="34"/>
      <c r="K1166" s="84"/>
      <c r="L1166" s="79"/>
      <c r="M1166" s="14"/>
      <c r="N1166" s="33"/>
      <c r="O1166" s="34"/>
      <c r="P1166" s="35"/>
    </row>
    <row r="1167" spans="1:16" ht="16.5" customHeight="1">
      <c r="A1167" s="51"/>
      <c r="B1167" s="42" t="s">
        <v>665</v>
      </c>
      <c r="C1167" s="42"/>
      <c r="D1167" s="42"/>
      <c r="E1167" s="42"/>
      <c r="F1167" s="42"/>
      <c r="G1167" s="42"/>
      <c r="H1167" s="42"/>
      <c r="I1167" s="42"/>
      <c r="K1167" s="83"/>
      <c r="L1167" s="73"/>
      <c r="M1167" s="13" t="s">
        <v>47</v>
      </c>
      <c r="N1167" s="31"/>
      <c r="P1167" s="32"/>
    </row>
    <row r="1168" spans="1:16" ht="16.5" customHeight="1">
      <c r="A1168" s="51"/>
      <c r="B1168" s="42" t="s">
        <v>256</v>
      </c>
      <c r="C1168" s="42"/>
      <c r="D1168" s="42"/>
      <c r="E1168" s="42"/>
      <c r="F1168" s="42"/>
      <c r="G1168" s="42"/>
      <c r="H1168" s="42"/>
      <c r="I1168" s="42"/>
      <c r="K1168" s="83"/>
      <c r="L1168" s="73"/>
      <c r="M1168" s="13" t="s">
        <v>48</v>
      </c>
      <c r="N1168" s="31"/>
      <c r="P1168" s="32"/>
    </row>
    <row r="1169" spans="1:16" ht="16.5" customHeight="1">
      <c r="A1169" s="51"/>
      <c r="B1169" s="42" t="s">
        <v>507</v>
      </c>
      <c r="C1169" s="42"/>
      <c r="D1169" s="42"/>
      <c r="E1169" s="42"/>
      <c r="F1169" s="42"/>
      <c r="G1169" s="42"/>
      <c r="H1169" s="42"/>
      <c r="I1169" s="42"/>
      <c r="K1169" s="83"/>
      <c r="L1169" s="73"/>
      <c r="M1169" s="13" t="s">
        <v>42</v>
      </c>
      <c r="N1169" s="31"/>
      <c r="P1169" s="32"/>
    </row>
    <row r="1170" spans="1:16" ht="16.5" customHeight="1">
      <c r="A1170" s="51"/>
      <c r="B1170" s="42" t="s">
        <v>476</v>
      </c>
      <c r="C1170" s="42"/>
      <c r="D1170" s="42"/>
      <c r="E1170" s="42"/>
      <c r="F1170" s="42"/>
      <c r="G1170" s="42"/>
      <c r="H1170" s="42"/>
      <c r="I1170" s="42"/>
      <c r="K1170" s="83"/>
      <c r="L1170" s="73"/>
      <c r="M1170" s="13" t="s">
        <v>43</v>
      </c>
      <c r="N1170" s="31"/>
      <c r="P1170" s="32"/>
    </row>
    <row r="1171" spans="1:16" ht="16.5" customHeight="1">
      <c r="A1171" s="51"/>
      <c r="B1171" s="42" t="s">
        <v>515</v>
      </c>
      <c r="C1171" s="42"/>
      <c r="D1171" s="42"/>
      <c r="E1171" s="42"/>
      <c r="F1171" s="42"/>
      <c r="G1171" s="42"/>
      <c r="H1171" s="42"/>
      <c r="I1171" s="42"/>
      <c r="K1171" s="83"/>
      <c r="L1171" s="73"/>
      <c r="M1171" s="13" t="s">
        <v>44</v>
      </c>
      <c r="N1171" s="31"/>
      <c r="P1171" s="32"/>
    </row>
    <row r="1172" spans="1:16" ht="16.5" customHeight="1">
      <c r="A1172" s="51"/>
      <c r="B1172" s="42" t="s">
        <v>516</v>
      </c>
      <c r="C1172" s="42"/>
      <c r="D1172" s="42"/>
      <c r="E1172" s="42"/>
      <c r="F1172" s="42"/>
      <c r="G1172" s="42"/>
      <c r="H1172" s="42"/>
      <c r="I1172" s="42"/>
      <c r="K1172" s="83"/>
      <c r="L1172" s="73"/>
      <c r="M1172" s="13" t="s">
        <v>45</v>
      </c>
      <c r="N1172" s="31"/>
      <c r="P1172" s="32"/>
    </row>
    <row r="1173" spans="1:16" ht="16.5" customHeight="1">
      <c r="A1173" s="51"/>
      <c r="B1173" s="42"/>
      <c r="C1173" s="42"/>
      <c r="D1173" s="109" t="s">
        <v>506</v>
      </c>
      <c r="E1173" s="375" t="s">
        <v>124</v>
      </c>
      <c r="F1173" s="376"/>
      <c r="G1173" s="42"/>
      <c r="H1173" s="42"/>
      <c r="I1173" s="42"/>
      <c r="K1173" s="83"/>
      <c r="L1173" s="73"/>
      <c r="M1173" s="13" t="s">
        <v>44</v>
      </c>
      <c r="N1173" s="31"/>
      <c r="P1173" s="32"/>
    </row>
    <row r="1174" spans="1:16" ht="16.5" customHeight="1">
      <c r="A1174" s="51"/>
      <c r="B1174" s="42"/>
      <c r="C1174" s="42"/>
      <c r="D1174" s="123"/>
      <c r="E1174" s="302"/>
      <c r="F1174" s="303"/>
      <c r="G1174" s="42"/>
      <c r="H1174" s="42"/>
      <c r="I1174" s="42"/>
      <c r="K1174" s="83"/>
      <c r="L1174" s="73"/>
      <c r="M1174" s="13" t="s">
        <v>46</v>
      </c>
      <c r="N1174" s="31"/>
      <c r="P1174" s="32"/>
    </row>
    <row r="1175" spans="1:16" ht="16.5" customHeight="1">
      <c r="A1175" s="51"/>
      <c r="B1175" s="42"/>
      <c r="C1175" s="42"/>
      <c r="D1175" s="123"/>
      <c r="E1175" s="302"/>
      <c r="F1175" s="303"/>
      <c r="G1175" s="42"/>
      <c r="H1175" s="42"/>
      <c r="I1175" s="42"/>
      <c r="K1175" s="83"/>
      <c r="L1175" s="73"/>
      <c r="M1175" s="13" t="s">
        <v>265</v>
      </c>
      <c r="N1175" s="31"/>
      <c r="P1175" s="32"/>
    </row>
    <row r="1176" spans="1:16" ht="16.5" customHeight="1">
      <c r="A1176" s="51"/>
      <c r="B1176" s="42"/>
      <c r="C1176" s="42"/>
      <c r="D1176" s="123"/>
      <c r="E1176" s="302"/>
      <c r="F1176" s="303"/>
      <c r="G1176" s="42"/>
      <c r="H1176" s="42"/>
      <c r="I1176" s="42"/>
      <c r="K1176" s="83"/>
      <c r="L1176" s="73"/>
      <c r="M1176" s="13" t="s">
        <v>266</v>
      </c>
      <c r="N1176" s="31"/>
      <c r="P1176" s="32"/>
    </row>
    <row r="1177" spans="1:16" ht="16.5" customHeight="1">
      <c r="A1177" s="51"/>
      <c r="B1177" s="42"/>
      <c r="C1177" s="42"/>
      <c r="D1177" s="123"/>
      <c r="E1177" s="302"/>
      <c r="F1177" s="303"/>
      <c r="G1177" s="42"/>
      <c r="H1177" s="42"/>
      <c r="I1177" s="42"/>
      <c r="K1177" s="83"/>
      <c r="L1177" s="73"/>
      <c r="M1177" s="13" t="s">
        <v>80</v>
      </c>
      <c r="N1177" s="31"/>
      <c r="P1177" s="32"/>
    </row>
    <row r="1178" spans="1:16" ht="16.5" customHeight="1">
      <c r="A1178" s="51"/>
      <c r="B1178" s="42"/>
      <c r="C1178" s="42"/>
      <c r="D1178" s="123"/>
      <c r="E1178" s="302"/>
      <c r="F1178" s="303"/>
      <c r="G1178" s="42"/>
      <c r="H1178" s="42"/>
      <c r="I1178" s="42"/>
      <c r="K1178" s="83"/>
      <c r="L1178" s="73"/>
      <c r="M1178" s="13"/>
      <c r="N1178" s="31"/>
      <c r="P1178" s="32"/>
    </row>
    <row r="1179" spans="1:16" ht="16.5" customHeight="1">
      <c r="A1179" s="51"/>
      <c r="B1179" s="42"/>
      <c r="C1179" s="42"/>
      <c r="D1179" s="123"/>
      <c r="E1179" s="302"/>
      <c r="F1179" s="303"/>
      <c r="G1179" s="42"/>
      <c r="H1179" s="42"/>
      <c r="I1179" s="42"/>
      <c r="K1179" s="83"/>
      <c r="L1179" s="73"/>
      <c r="M1179" s="13"/>
      <c r="N1179" s="31"/>
      <c r="P1179" s="32"/>
    </row>
    <row r="1180" spans="1:16" ht="16.5" customHeight="1">
      <c r="A1180" s="51"/>
      <c r="B1180" s="42"/>
      <c r="C1180" s="42"/>
      <c r="D1180" s="123"/>
      <c r="E1180" s="302"/>
      <c r="F1180" s="303"/>
      <c r="G1180" s="42"/>
      <c r="H1180" s="42"/>
      <c r="I1180" s="42"/>
      <c r="K1180" s="83"/>
      <c r="L1180" s="73"/>
      <c r="M1180" s="13"/>
      <c r="N1180" s="31"/>
      <c r="P1180" s="32"/>
    </row>
    <row r="1181" spans="1:16" ht="16.5" customHeight="1">
      <c r="A1181" s="51"/>
      <c r="B1181" s="42"/>
      <c r="C1181" s="42"/>
      <c r="D1181" s="123"/>
      <c r="E1181" s="302"/>
      <c r="F1181" s="303"/>
      <c r="G1181" s="42"/>
      <c r="H1181" s="42"/>
      <c r="I1181" s="42"/>
      <c r="K1181" s="83"/>
      <c r="L1181" s="73"/>
      <c r="M1181" s="13"/>
      <c r="N1181" s="31"/>
      <c r="P1181" s="32"/>
    </row>
    <row r="1182" spans="1:16" ht="16.5" customHeight="1">
      <c r="A1182" s="51"/>
      <c r="B1182" s="42"/>
      <c r="C1182" s="42"/>
      <c r="D1182" s="123"/>
      <c r="E1182" s="302"/>
      <c r="F1182" s="303"/>
      <c r="G1182" s="42"/>
      <c r="H1182" s="42"/>
      <c r="I1182" s="42"/>
      <c r="K1182" s="83"/>
      <c r="L1182" s="73"/>
      <c r="M1182" s="13"/>
      <c r="N1182" s="31"/>
      <c r="P1182" s="32"/>
    </row>
    <row r="1183" spans="1:16" ht="16.5" customHeight="1">
      <c r="A1183" s="51"/>
      <c r="B1183" s="42"/>
      <c r="C1183" s="42"/>
      <c r="D1183" s="123"/>
      <c r="E1183" s="302"/>
      <c r="F1183" s="303"/>
      <c r="G1183" s="42"/>
      <c r="H1183" s="42"/>
      <c r="I1183" s="42"/>
      <c r="K1183" s="83"/>
      <c r="L1183" s="73"/>
      <c r="M1183" s="13"/>
      <c r="N1183" s="31"/>
      <c r="P1183" s="32"/>
    </row>
    <row r="1184" spans="1:16" ht="16.5" customHeight="1">
      <c r="A1184" s="51"/>
      <c r="B1184" s="42"/>
      <c r="C1184" s="42"/>
      <c r="D1184" s="123"/>
      <c r="E1184" s="302"/>
      <c r="F1184" s="303"/>
      <c r="G1184" s="42"/>
      <c r="H1184" s="42"/>
      <c r="I1184" s="42"/>
      <c r="K1184" s="83"/>
      <c r="L1184" s="73"/>
      <c r="M1184" s="13"/>
      <c r="N1184" s="31"/>
      <c r="P1184" s="32"/>
    </row>
    <row r="1185" spans="1:16" ht="16.5" customHeight="1">
      <c r="A1185" s="51"/>
      <c r="B1185" s="42"/>
      <c r="C1185" s="42"/>
      <c r="D1185" s="124"/>
      <c r="E1185" s="367"/>
      <c r="F1185" s="368"/>
      <c r="G1185" s="42"/>
      <c r="H1185" s="42"/>
      <c r="I1185" s="42"/>
      <c r="K1185" s="83"/>
      <c r="L1185" s="73"/>
      <c r="M1185" s="13"/>
      <c r="N1185" s="31"/>
      <c r="P1185" s="32"/>
    </row>
    <row r="1186" spans="1:16" ht="16.5" customHeight="1">
      <c r="A1186" s="51"/>
      <c r="B1186" s="42" t="s">
        <v>169</v>
      </c>
      <c r="C1186" s="42"/>
      <c r="D1186" s="42"/>
      <c r="E1186" s="42"/>
      <c r="F1186" s="42"/>
      <c r="G1186" s="42"/>
      <c r="H1186" s="42"/>
      <c r="I1186" s="42"/>
      <c r="K1186" s="83"/>
      <c r="L1186" s="73"/>
      <c r="M1186" s="13"/>
      <c r="N1186" s="31"/>
      <c r="P1186" s="32"/>
    </row>
    <row r="1187" spans="1:16" ht="16.5" customHeight="1">
      <c r="A1187" s="51"/>
      <c r="B1187" s="42" t="s">
        <v>477</v>
      </c>
      <c r="C1187" s="42"/>
      <c r="D1187" s="42"/>
      <c r="E1187" s="42"/>
      <c r="F1187" s="42"/>
      <c r="G1187" s="42"/>
      <c r="H1187" s="42"/>
      <c r="I1187" s="42"/>
      <c r="K1187" s="83"/>
      <c r="L1187" s="73"/>
      <c r="M1187" s="13"/>
      <c r="N1187" s="31"/>
      <c r="P1187" s="32"/>
    </row>
    <row r="1188" spans="1:16" ht="16.5" customHeight="1">
      <c r="A1188" s="51"/>
      <c r="B1188" s="42" t="s">
        <v>258</v>
      </c>
      <c r="C1188" s="42"/>
      <c r="D1188" s="42"/>
      <c r="E1188" s="42"/>
      <c r="F1188" s="42"/>
      <c r="G1188" s="42"/>
      <c r="H1188" s="42"/>
      <c r="I1188" s="42"/>
      <c r="K1188" s="83"/>
      <c r="L1188" s="73"/>
      <c r="M1188" s="13"/>
      <c r="N1188" s="31"/>
      <c r="P1188" s="32"/>
    </row>
    <row r="1189" spans="1:16" ht="16.5" customHeight="1">
      <c r="A1189" s="51"/>
      <c r="B1189" s="42" t="s">
        <v>478</v>
      </c>
      <c r="C1189" s="42"/>
      <c r="D1189" s="42"/>
      <c r="E1189" s="42"/>
      <c r="F1189" s="42"/>
      <c r="G1189" s="42"/>
      <c r="H1189" s="42"/>
      <c r="I1189" s="42"/>
      <c r="K1189" s="83"/>
      <c r="L1189" s="73"/>
      <c r="M1189" s="13"/>
      <c r="N1189" s="31"/>
      <c r="P1189" s="32"/>
    </row>
    <row r="1190" spans="1:16" ht="16.5" customHeight="1">
      <c r="A1190" s="51"/>
      <c r="B1190" s="42"/>
      <c r="C1190" s="42"/>
      <c r="D1190" s="109" t="s">
        <v>505</v>
      </c>
      <c r="E1190" s="375" t="s">
        <v>125</v>
      </c>
      <c r="F1190" s="376"/>
      <c r="G1190" s="42"/>
      <c r="H1190" s="42"/>
      <c r="I1190" s="42"/>
      <c r="K1190" s="83"/>
      <c r="L1190" s="73"/>
      <c r="M1190" s="13"/>
      <c r="N1190" s="31"/>
      <c r="P1190" s="32"/>
    </row>
    <row r="1191" spans="1:16" ht="16.5" customHeight="1">
      <c r="A1191" s="51"/>
      <c r="B1191" s="42"/>
      <c r="C1191" s="42"/>
      <c r="D1191" s="123"/>
      <c r="E1191" s="302"/>
      <c r="F1191" s="303"/>
      <c r="G1191" s="42"/>
      <c r="H1191" s="42"/>
      <c r="I1191" s="42"/>
      <c r="K1191" s="83"/>
      <c r="L1191" s="73"/>
      <c r="M1191" s="13"/>
      <c r="N1191" s="31"/>
      <c r="P1191" s="32"/>
    </row>
    <row r="1192" spans="1:16" ht="16.5" customHeight="1">
      <c r="A1192" s="51"/>
      <c r="B1192" s="42"/>
      <c r="C1192" s="42"/>
      <c r="D1192" s="123"/>
      <c r="E1192" s="302"/>
      <c r="F1192" s="303"/>
      <c r="G1192" s="42"/>
      <c r="H1192" s="42"/>
      <c r="I1192" s="42"/>
      <c r="K1192" s="83"/>
      <c r="L1192" s="73"/>
      <c r="M1192" s="13"/>
      <c r="N1192" s="31"/>
      <c r="P1192" s="32"/>
    </row>
    <row r="1193" spans="1:16" ht="16.5" customHeight="1">
      <c r="A1193" s="51"/>
      <c r="B1193" s="42"/>
      <c r="C1193" s="42"/>
      <c r="D1193" s="123"/>
      <c r="E1193" s="302"/>
      <c r="F1193" s="303"/>
      <c r="G1193" s="42"/>
      <c r="H1193" s="42"/>
      <c r="I1193" s="42"/>
      <c r="K1193" s="83"/>
      <c r="L1193" s="73"/>
      <c r="M1193" s="13"/>
      <c r="N1193" s="31"/>
      <c r="P1193" s="32"/>
    </row>
    <row r="1194" spans="1:16" ht="16.5" customHeight="1">
      <c r="A1194" s="51"/>
      <c r="B1194" s="42"/>
      <c r="C1194" s="42"/>
      <c r="D1194" s="124"/>
      <c r="E1194" s="367"/>
      <c r="F1194" s="368"/>
      <c r="G1194" s="42"/>
      <c r="H1194" s="42"/>
      <c r="I1194" s="42"/>
      <c r="K1194" s="83"/>
      <c r="L1194" s="73"/>
      <c r="M1194" s="13"/>
      <c r="N1194" s="31"/>
      <c r="P1194" s="32"/>
    </row>
    <row r="1195" spans="1:16" ht="16.5" customHeight="1">
      <c r="A1195" s="51"/>
      <c r="B1195" s="42"/>
      <c r="C1195" s="42"/>
      <c r="D1195" s="254"/>
      <c r="E1195" s="254"/>
      <c r="F1195" s="254"/>
      <c r="G1195" s="42"/>
      <c r="H1195" s="42"/>
      <c r="I1195" s="42"/>
      <c r="K1195" s="83"/>
      <c r="L1195" s="73"/>
      <c r="M1195" s="13"/>
      <c r="N1195" s="31"/>
      <c r="P1195" s="32"/>
    </row>
    <row r="1196" spans="1:16" ht="16.5" customHeight="1">
      <c r="A1196" s="51"/>
      <c r="B1196" s="42"/>
      <c r="C1196" s="42"/>
      <c r="D1196" s="254"/>
      <c r="E1196" s="254"/>
      <c r="F1196" s="254"/>
      <c r="G1196" s="42"/>
      <c r="H1196" s="42"/>
      <c r="I1196" s="42"/>
      <c r="K1196" s="83"/>
      <c r="L1196" s="73"/>
      <c r="M1196" s="13"/>
      <c r="N1196" s="31"/>
      <c r="P1196" s="32"/>
    </row>
    <row r="1197" spans="1:16" ht="16.5" customHeight="1">
      <c r="A1197" s="51"/>
      <c r="B1197" s="42"/>
      <c r="C1197" s="42"/>
      <c r="D1197" s="254"/>
      <c r="E1197" s="254"/>
      <c r="F1197" s="254"/>
      <c r="G1197" s="42"/>
      <c r="H1197" s="42"/>
      <c r="I1197" s="42"/>
      <c r="K1197" s="83"/>
      <c r="L1197" s="73"/>
      <c r="M1197" s="13"/>
      <c r="N1197" s="31"/>
      <c r="P1197" s="32"/>
    </row>
    <row r="1198" spans="1:16" ht="16.5" customHeight="1">
      <c r="A1198" s="51"/>
      <c r="B1198" s="42"/>
      <c r="C1198" s="42"/>
      <c r="D1198" s="254"/>
      <c r="E1198" s="254"/>
      <c r="F1198" s="254"/>
      <c r="G1198" s="42"/>
      <c r="H1198" s="42"/>
      <c r="I1198" s="42"/>
      <c r="K1198" s="83"/>
      <c r="L1198" s="73"/>
      <c r="M1198" s="13"/>
      <c r="N1198" s="31"/>
      <c r="P1198" s="32"/>
    </row>
    <row r="1199" spans="1:16" ht="16.5" customHeight="1">
      <c r="A1199" s="51"/>
      <c r="B1199" s="42"/>
      <c r="C1199" s="42"/>
      <c r="D1199" s="254"/>
      <c r="E1199" s="254"/>
      <c r="F1199" s="254"/>
      <c r="G1199" s="42"/>
      <c r="H1199" s="42"/>
      <c r="I1199" s="42"/>
      <c r="K1199" s="83"/>
      <c r="L1199" s="73"/>
      <c r="M1199" s="13"/>
      <c r="N1199" s="31"/>
      <c r="P1199" s="32"/>
    </row>
    <row r="1200" spans="1:16" ht="16.5" customHeight="1">
      <c r="A1200" s="51"/>
      <c r="B1200" s="42"/>
      <c r="C1200" s="42"/>
      <c r="D1200" s="254"/>
      <c r="E1200" s="254"/>
      <c r="F1200" s="254"/>
      <c r="G1200" s="42"/>
      <c r="H1200" s="42"/>
      <c r="I1200" s="42"/>
      <c r="K1200" s="83"/>
      <c r="L1200" s="73"/>
      <c r="M1200" s="13"/>
      <c r="N1200" s="31"/>
      <c r="P1200" s="32"/>
    </row>
    <row r="1201" spans="1:16" ht="16.5" customHeight="1">
      <c r="A1201" s="51"/>
      <c r="B1201" s="42"/>
      <c r="C1201" s="42"/>
      <c r="D1201" s="254"/>
      <c r="E1201" s="254"/>
      <c r="F1201" s="254"/>
      <c r="G1201" s="42"/>
      <c r="H1201" s="42"/>
      <c r="I1201" s="42"/>
      <c r="K1201" s="83"/>
      <c r="L1201" s="73"/>
      <c r="M1201" s="13"/>
      <c r="N1201" s="31"/>
      <c r="P1201" s="32"/>
    </row>
    <row r="1202" spans="1:16" ht="16.5" customHeight="1">
      <c r="A1202" s="51"/>
      <c r="B1202" s="42"/>
      <c r="C1202" s="42"/>
      <c r="D1202" s="254"/>
      <c r="E1202" s="254"/>
      <c r="F1202" s="254"/>
      <c r="G1202" s="42"/>
      <c r="H1202" s="42"/>
      <c r="I1202" s="42"/>
      <c r="K1202" s="83"/>
      <c r="L1202" s="73"/>
      <c r="M1202" s="13"/>
      <c r="N1202" s="31"/>
      <c r="P1202" s="32"/>
    </row>
    <row r="1203" spans="1:16" ht="16.5" customHeight="1">
      <c r="A1203" s="51"/>
      <c r="B1203" s="42"/>
      <c r="C1203" s="42"/>
      <c r="D1203" s="254"/>
      <c r="E1203" s="254"/>
      <c r="F1203" s="254"/>
      <c r="G1203" s="42"/>
      <c r="H1203" s="42"/>
      <c r="I1203" s="42"/>
      <c r="K1203" s="83"/>
      <c r="L1203" s="73"/>
      <c r="M1203" s="13"/>
      <c r="N1203" s="31"/>
      <c r="P1203" s="32"/>
    </row>
    <row r="1204" spans="1:16" ht="16.5" customHeight="1">
      <c r="A1204" s="51"/>
      <c r="B1204" s="42"/>
      <c r="C1204" s="42"/>
      <c r="D1204" s="254"/>
      <c r="E1204" s="254"/>
      <c r="F1204" s="254"/>
      <c r="G1204" s="42"/>
      <c r="H1204" s="42"/>
      <c r="I1204" s="42"/>
      <c r="K1204" s="83"/>
      <c r="L1204" s="73"/>
      <c r="M1204" s="13"/>
      <c r="N1204" s="31"/>
      <c r="P1204" s="32"/>
    </row>
    <row r="1205" spans="1:16" ht="16.5" customHeight="1">
      <c r="A1205" s="51"/>
      <c r="B1205" s="42"/>
      <c r="C1205" s="42"/>
      <c r="D1205" s="254"/>
      <c r="E1205" s="254"/>
      <c r="F1205" s="254"/>
      <c r="G1205" s="42"/>
      <c r="H1205" s="42"/>
      <c r="I1205" s="42"/>
      <c r="K1205" s="83"/>
      <c r="L1205" s="73"/>
      <c r="M1205" s="13"/>
      <c r="N1205" s="31"/>
      <c r="P1205" s="32"/>
    </row>
    <row r="1206" spans="1:16" ht="16.5" customHeight="1">
      <c r="A1206" s="51"/>
      <c r="B1206" s="42"/>
      <c r="C1206" s="42"/>
      <c r="D1206" s="254"/>
      <c r="E1206" s="254"/>
      <c r="F1206" s="254"/>
      <c r="G1206" s="42"/>
      <c r="H1206" s="42"/>
      <c r="I1206" s="42"/>
      <c r="K1206" s="83"/>
      <c r="L1206" s="73"/>
      <c r="M1206" s="13"/>
      <c r="N1206" s="31"/>
      <c r="P1206" s="32"/>
    </row>
    <row r="1207" spans="1:16" ht="16.5" customHeight="1">
      <c r="A1207" s="51"/>
      <c r="B1207" s="42"/>
      <c r="C1207" s="42"/>
      <c r="D1207" s="254"/>
      <c r="E1207" s="254"/>
      <c r="F1207" s="254"/>
      <c r="G1207" s="42"/>
      <c r="H1207" s="42"/>
      <c r="I1207" s="42"/>
      <c r="K1207" s="83"/>
      <c r="L1207" s="73"/>
      <c r="M1207" s="13"/>
      <c r="N1207" s="31"/>
      <c r="P1207" s="32"/>
    </row>
    <row r="1208" spans="1:16" ht="16.5" customHeight="1">
      <c r="A1208" s="51"/>
      <c r="B1208" s="42"/>
      <c r="C1208" s="42"/>
      <c r="D1208" s="254"/>
      <c r="E1208" s="254"/>
      <c r="F1208" s="254"/>
      <c r="G1208" s="42"/>
      <c r="H1208" s="42"/>
      <c r="I1208" s="42"/>
      <c r="K1208" s="83"/>
      <c r="L1208" s="73"/>
      <c r="M1208" s="13"/>
      <c r="N1208" s="31"/>
      <c r="P1208" s="32"/>
    </row>
    <row r="1209" spans="1:16" ht="16.5" customHeight="1">
      <c r="A1209" s="51"/>
      <c r="B1209" s="42"/>
      <c r="C1209" s="42"/>
      <c r="D1209" s="254"/>
      <c r="E1209" s="254"/>
      <c r="F1209" s="254"/>
      <c r="G1209" s="42"/>
      <c r="H1209" s="42"/>
      <c r="I1209" s="42"/>
      <c r="K1209" s="83"/>
      <c r="L1209" s="73"/>
      <c r="M1209" s="13"/>
      <c r="N1209" s="31"/>
      <c r="P1209" s="32"/>
    </row>
    <row r="1210" spans="1:16" ht="16.5" customHeight="1">
      <c r="A1210" s="51"/>
      <c r="B1210" s="42"/>
      <c r="C1210" s="42"/>
      <c r="D1210" s="254"/>
      <c r="E1210" s="254"/>
      <c r="F1210" s="254"/>
      <c r="G1210" s="42"/>
      <c r="H1210" s="42"/>
      <c r="I1210" s="42"/>
      <c r="K1210" s="83"/>
      <c r="L1210" s="73"/>
      <c r="M1210" s="13"/>
      <c r="N1210" s="31"/>
      <c r="P1210" s="32"/>
    </row>
    <row r="1211" spans="1:16" ht="16.5" customHeight="1">
      <c r="A1211" s="51"/>
      <c r="B1211" s="42"/>
      <c r="C1211" s="42"/>
      <c r="D1211" s="254"/>
      <c r="E1211" s="254"/>
      <c r="F1211" s="254"/>
      <c r="G1211" s="42"/>
      <c r="H1211" s="42"/>
      <c r="I1211" s="42"/>
      <c r="K1211" s="83"/>
      <c r="L1211" s="73"/>
      <c r="M1211" s="13"/>
      <c r="N1211" s="31"/>
      <c r="P1211" s="32"/>
    </row>
    <row r="1212" spans="1:16" ht="16.5" customHeight="1">
      <c r="A1212" s="51"/>
      <c r="B1212" s="42"/>
      <c r="C1212" s="42"/>
      <c r="D1212" s="254"/>
      <c r="E1212" s="254"/>
      <c r="F1212" s="254"/>
      <c r="G1212" s="42"/>
      <c r="H1212" s="42"/>
      <c r="I1212" s="42"/>
      <c r="K1212" s="83"/>
      <c r="L1212" s="73"/>
      <c r="M1212" s="13"/>
      <c r="N1212" s="31"/>
      <c r="P1212" s="32"/>
    </row>
    <row r="1213" spans="1:16" ht="16.5" customHeight="1">
      <c r="A1213" s="51"/>
      <c r="B1213" s="42"/>
      <c r="C1213" s="42"/>
      <c r="D1213" s="254"/>
      <c r="E1213" s="254"/>
      <c r="F1213" s="254"/>
      <c r="G1213" s="42"/>
      <c r="H1213" s="42"/>
      <c r="I1213" s="42"/>
      <c r="K1213" s="83"/>
      <c r="L1213" s="73"/>
      <c r="M1213" s="13"/>
      <c r="N1213" s="31"/>
      <c r="P1213" s="32"/>
    </row>
    <row r="1214" spans="1:16" ht="16.5" customHeight="1">
      <c r="A1214" s="51"/>
      <c r="B1214" s="42" t="s">
        <v>257</v>
      </c>
      <c r="C1214" s="42"/>
      <c r="D1214" s="42"/>
      <c r="E1214" s="42"/>
      <c r="F1214" s="42"/>
      <c r="G1214" s="42"/>
      <c r="H1214" s="42"/>
      <c r="I1214" s="42"/>
      <c r="K1214" s="92" t="s">
        <v>179</v>
      </c>
      <c r="L1214" s="91" t="s">
        <v>179</v>
      </c>
      <c r="M1214" s="13"/>
      <c r="N1214" s="31"/>
      <c r="P1214" s="32"/>
    </row>
    <row r="1215" spans="1:16" ht="16.5" customHeight="1">
      <c r="A1215" s="51"/>
      <c r="B1215" s="42" t="s">
        <v>323</v>
      </c>
      <c r="C1215" s="42"/>
      <c r="D1215" s="42"/>
      <c r="E1215" s="42"/>
      <c r="F1215" s="42"/>
      <c r="G1215" s="42"/>
      <c r="H1215" s="42"/>
      <c r="I1215" s="42"/>
      <c r="K1215" s="83"/>
      <c r="L1215" s="73"/>
      <c r="M1215" s="13"/>
      <c r="N1215" s="31"/>
      <c r="P1215" s="32"/>
    </row>
    <row r="1216" spans="1:16" ht="16.5" customHeight="1">
      <c r="A1216" s="51"/>
      <c r="B1216" s="42" t="s">
        <v>261</v>
      </c>
      <c r="C1216" s="42"/>
      <c r="D1216" s="42"/>
      <c r="E1216" s="42"/>
      <c r="F1216" s="42"/>
      <c r="G1216" s="42"/>
      <c r="H1216" s="42"/>
      <c r="I1216" s="42"/>
      <c r="K1216" s="92" t="s">
        <v>179</v>
      </c>
      <c r="L1216" s="91" t="s">
        <v>179</v>
      </c>
      <c r="M1216" s="13"/>
      <c r="N1216" s="31"/>
      <c r="P1216" s="32"/>
    </row>
    <row r="1217" spans="1:16" ht="16.5" customHeight="1">
      <c r="A1217" s="51"/>
      <c r="B1217" s="42" t="s">
        <v>260</v>
      </c>
      <c r="C1217" s="42"/>
      <c r="D1217" s="42"/>
      <c r="E1217" s="42"/>
      <c r="F1217" s="42"/>
      <c r="G1217" s="42"/>
      <c r="H1217" s="42"/>
      <c r="I1217" s="42"/>
      <c r="K1217" s="83"/>
      <c r="L1217" s="73"/>
      <c r="M1217" s="13"/>
      <c r="N1217" s="31"/>
      <c r="P1217" s="32"/>
    </row>
    <row r="1218" spans="1:16" ht="16.5" customHeight="1">
      <c r="A1218" s="51"/>
      <c r="B1218" s="42" t="s">
        <v>508</v>
      </c>
      <c r="C1218" s="42"/>
      <c r="D1218" s="42"/>
      <c r="E1218" s="42"/>
      <c r="F1218" s="42"/>
      <c r="G1218" s="42"/>
      <c r="H1218" s="42"/>
      <c r="I1218" s="42"/>
      <c r="K1218" s="92" t="s">
        <v>179</v>
      </c>
      <c r="L1218" s="91" t="s">
        <v>179</v>
      </c>
      <c r="M1218" s="13"/>
      <c r="N1218" s="31"/>
      <c r="P1218" s="32"/>
    </row>
    <row r="1219" spans="1:16" ht="16.5" customHeight="1">
      <c r="A1219" s="51"/>
      <c r="B1219" s="42" t="s">
        <v>509</v>
      </c>
      <c r="C1219" s="42"/>
      <c r="D1219" s="42"/>
      <c r="E1219" s="42"/>
      <c r="F1219" s="42"/>
      <c r="G1219" s="42"/>
      <c r="H1219" s="42"/>
      <c r="I1219" s="42"/>
      <c r="K1219" s="83"/>
      <c r="L1219" s="73"/>
      <c r="M1219" s="13"/>
      <c r="N1219" s="31"/>
      <c r="P1219" s="32"/>
    </row>
    <row r="1220" spans="1:16" ht="16.5" customHeight="1">
      <c r="A1220" s="51"/>
      <c r="B1220" s="42" t="s">
        <v>510</v>
      </c>
      <c r="C1220" s="42"/>
      <c r="D1220" s="42"/>
      <c r="E1220" s="42"/>
      <c r="F1220" s="42"/>
      <c r="G1220" s="42"/>
      <c r="H1220" s="42"/>
      <c r="I1220" s="42"/>
      <c r="K1220" s="83"/>
      <c r="L1220" s="73"/>
      <c r="M1220" s="13"/>
      <c r="N1220" s="31"/>
      <c r="P1220" s="32"/>
    </row>
    <row r="1221" spans="1:16" ht="16.5" customHeight="1">
      <c r="A1221" s="51"/>
      <c r="B1221" s="42" t="s">
        <v>666</v>
      </c>
      <c r="C1221" s="42"/>
      <c r="D1221" s="42"/>
      <c r="E1221" s="42"/>
      <c r="F1221" s="42"/>
      <c r="G1221" s="42"/>
      <c r="H1221" s="42"/>
      <c r="I1221" s="42"/>
      <c r="K1221" s="83"/>
      <c r="L1221" s="73"/>
      <c r="M1221" s="13"/>
      <c r="N1221" s="31"/>
      <c r="P1221" s="32"/>
    </row>
    <row r="1222" spans="1:16" ht="16.5" customHeight="1">
      <c r="A1222" s="51"/>
      <c r="B1222" s="298" t="s">
        <v>667</v>
      </c>
      <c r="C1222" s="299"/>
      <c r="D1222" s="253" t="s">
        <v>668</v>
      </c>
      <c r="E1222" s="300" t="s">
        <v>669</v>
      </c>
      <c r="F1222" s="300"/>
      <c r="G1222" s="300"/>
      <c r="H1222" s="300" t="s">
        <v>670</v>
      </c>
      <c r="I1222" s="301"/>
      <c r="K1222" s="83"/>
      <c r="L1222" s="73"/>
      <c r="M1222" s="13"/>
      <c r="N1222" s="31"/>
      <c r="P1222" s="32"/>
    </row>
    <row r="1223" spans="1:16" ht="16.5" customHeight="1">
      <c r="A1223" s="51"/>
      <c r="B1223" s="282" t="s">
        <v>671</v>
      </c>
      <c r="C1223" s="283"/>
      <c r="D1223" s="284"/>
      <c r="E1223" s="93" t="s">
        <v>672</v>
      </c>
      <c r="F1223" s="285"/>
      <c r="G1223" s="286"/>
      <c r="H1223" s="287"/>
      <c r="I1223" s="288"/>
      <c r="K1223" s="83"/>
      <c r="L1223" s="73"/>
      <c r="M1223" s="13"/>
      <c r="N1223" s="31"/>
      <c r="P1223" s="32"/>
    </row>
    <row r="1224" spans="1:16" ht="16.5" customHeight="1">
      <c r="A1224" s="51"/>
      <c r="B1224" s="282"/>
      <c r="C1224" s="283"/>
      <c r="D1224" s="284"/>
      <c r="E1224" s="93" t="s">
        <v>673</v>
      </c>
      <c r="F1224" s="285"/>
      <c r="G1224" s="286"/>
      <c r="H1224" s="289"/>
      <c r="I1224" s="290"/>
      <c r="K1224" s="83"/>
      <c r="L1224" s="73"/>
      <c r="M1224" s="13"/>
      <c r="N1224" s="31"/>
      <c r="P1224" s="32"/>
    </row>
    <row r="1225" spans="1:16" ht="16.5" customHeight="1">
      <c r="A1225" s="51"/>
      <c r="B1225" s="282" t="s">
        <v>674</v>
      </c>
      <c r="C1225" s="283"/>
      <c r="D1225" s="284"/>
      <c r="E1225" s="93" t="s">
        <v>672</v>
      </c>
      <c r="F1225" s="285"/>
      <c r="G1225" s="286"/>
      <c r="H1225" s="287"/>
      <c r="I1225" s="288"/>
      <c r="K1225" s="83"/>
      <c r="L1225" s="73"/>
      <c r="M1225" s="13"/>
      <c r="N1225" s="31"/>
      <c r="P1225" s="32"/>
    </row>
    <row r="1226" spans="1:16" ht="16.5" customHeight="1">
      <c r="A1226" s="51"/>
      <c r="B1226" s="282"/>
      <c r="C1226" s="283"/>
      <c r="D1226" s="284"/>
      <c r="E1226" s="93" t="s">
        <v>673</v>
      </c>
      <c r="F1226" s="285"/>
      <c r="G1226" s="286"/>
      <c r="H1226" s="289"/>
      <c r="I1226" s="290"/>
      <c r="K1226" s="83"/>
      <c r="L1226" s="73"/>
      <c r="M1226" s="13"/>
      <c r="N1226" s="31"/>
      <c r="P1226" s="32"/>
    </row>
    <row r="1227" spans="1:16" ht="16.5" customHeight="1">
      <c r="A1227" s="51"/>
      <c r="B1227" s="282" t="s">
        <v>675</v>
      </c>
      <c r="C1227" s="283"/>
      <c r="D1227" s="284"/>
      <c r="E1227" s="93" t="s">
        <v>672</v>
      </c>
      <c r="F1227" s="285"/>
      <c r="G1227" s="286"/>
      <c r="H1227" s="287"/>
      <c r="I1227" s="288"/>
      <c r="K1227" s="83"/>
      <c r="L1227" s="73"/>
      <c r="M1227" s="13"/>
      <c r="N1227" s="31"/>
      <c r="P1227" s="32"/>
    </row>
    <row r="1228" spans="1:16" ht="16.5" customHeight="1">
      <c r="A1228" s="51"/>
      <c r="B1228" s="282"/>
      <c r="C1228" s="283"/>
      <c r="D1228" s="284"/>
      <c r="E1228" s="93" t="s">
        <v>673</v>
      </c>
      <c r="F1228" s="285"/>
      <c r="G1228" s="286"/>
      <c r="H1228" s="289"/>
      <c r="I1228" s="290"/>
      <c r="K1228" s="83"/>
      <c r="L1228" s="73"/>
      <c r="M1228" s="13"/>
      <c r="N1228" s="31"/>
      <c r="P1228" s="32"/>
    </row>
    <row r="1229" spans="1:16" ht="16.5" customHeight="1">
      <c r="A1229" s="51"/>
      <c r="B1229" s="282" t="s">
        <v>676</v>
      </c>
      <c r="C1229" s="283"/>
      <c r="D1229" s="284"/>
      <c r="E1229" s="93" t="s">
        <v>672</v>
      </c>
      <c r="F1229" s="285"/>
      <c r="G1229" s="286"/>
      <c r="H1229" s="287"/>
      <c r="I1229" s="288"/>
      <c r="K1229" s="83"/>
      <c r="L1229" s="73"/>
      <c r="M1229" s="13"/>
      <c r="N1229" s="31"/>
      <c r="P1229" s="32"/>
    </row>
    <row r="1230" spans="1:16" ht="16.5" customHeight="1">
      <c r="A1230" s="51"/>
      <c r="B1230" s="291"/>
      <c r="C1230" s="292"/>
      <c r="D1230" s="293"/>
      <c r="E1230" s="251" t="s">
        <v>673</v>
      </c>
      <c r="F1230" s="296"/>
      <c r="G1230" s="297"/>
      <c r="H1230" s="294"/>
      <c r="I1230" s="295"/>
      <c r="K1230" s="83"/>
      <c r="L1230" s="73"/>
      <c r="M1230" s="13"/>
      <c r="N1230" s="31"/>
      <c r="P1230" s="32"/>
    </row>
    <row r="1231" spans="1:16" ht="16.5" customHeight="1">
      <c r="A1231" s="51"/>
      <c r="B1231" s="42" t="s">
        <v>677</v>
      </c>
      <c r="C1231" s="42"/>
      <c r="D1231" s="42"/>
      <c r="E1231" s="42"/>
      <c r="F1231" s="42"/>
      <c r="G1231" s="42"/>
      <c r="H1231" s="42"/>
      <c r="I1231" s="42"/>
      <c r="K1231" s="83"/>
      <c r="L1231" s="73"/>
      <c r="M1231" s="13"/>
      <c r="N1231" s="31"/>
      <c r="P1231" s="32"/>
    </row>
    <row r="1232" spans="1:16" ht="16.5" customHeight="1">
      <c r="A1232" s="51"/>
      <c r="B1232" s="42"/>
      <c r="C1232" s="42"/>
      <c r="D1232" s="42"/>
      <c r="E1232" s="42"/>
      <c r="F1232" s="42"/>
      <c r="G1232" s="42"/>
      <c r="H1232" s="42"/>
      <c r="I1232" s="42"/>
      <c r="K1232" s="83"/>
      <c r="L1232" s="73"/>
      <c r="M1232" s="13"/>
      <c r="N1232" s="31"/>
      <c r="P1232" s="32"/>
    </row>
    <row r="1233" spans="1:16" ht="16.5" customHeight="1">
      <c r="A1233" s="51"/>
      <c r="B1233" s="42"/>
      <c r="C1233" s="42"/>
      <c r="D1233" s="42"/>
      <c r="E1233" s="42"/>
      <c r="F1233" s="42"/>
      <c r="G1233" s="42"/>
      <c r="H1233" s="42"/>
      <c r="I1233" s="42"/>
      <c r="K1233" s="83"/>
      <c r="L1233" s="73"/>
      <c r="M1233" s="13"/>
      <c r="N1233" s="31"/>
      <c r="P1233" s="32"/>
    </row>
    <row r="1234" spans="1:16" ht="16.5" customHeight="1">
      <c r="A1234" s="51"/>
      <c r="B1234" s="42"/>
      <c r="C1234" s="42"/>
      <c r="D1234" s="42"/>
      <c r="E1234" s="42"/>
      <c r="F1234" s="42"/>
      <c r="G1234" s="42"/>
      <c r="H1234" s="42"/>
      <c r="I1234" s="42"/>
      <c r="K1234" s="83"/>
      <c r="L1234" s="73"/>
      <c r="M1234" s="13"/>
      <c r="N1234" s="31"/>
      <c r="P1234" s="32"/>
    </row>
    <row r="1235" spans="1:16" ht="16.5" customHeight="1">
      <c r="A1235" s="61"/>
      <c r="B1235" s="62"/>
      <c r="C1235" s="62"/>
      <c r="D1235" s="62"/>
      <c r="E1235" s="62"/>
      <c r="F1235" s="62"/>
      <c r="G1235" s="62"/>
      <c r="H1235" s="62"/>
      <c r="I1235" s="62"/>
      <c r="J1235" s="34"/>
      <c r="K1235" s="84"/>
      <c r="L1235" s="79"/>
      <c r="M1235" s="14"/>
      <c r="N1235" s="33"/>
      <c r="O1235" s="34"/>
      <c r="P1235" s="35"/>
    </row>
    <row r="1236" spans="1:16" ht="16.5" customHeight="1">
      <c r="A1236" s="51" t="s">
        <v>129</v>
      </c>
      <c r="B1236" s="42"/>
      <c r="C1236" s="42"/>
      <c r="D1236" s="42"/>
      <c r="E1236" s="42"/>
      <c r="F1236" s="42"/>
      <c r="G1236" s="42"/>
      <c r="H1236" s="42"/>
      <c r="I1236" s="42"/>
      <c r="K1236" s="83"/>
      <c r="L1236" s="73"/>
      <c r="M1236" s="13"/>
      <c r="N1236" s="31"/>
      <c r="P1236" s="32"/>
    </row>
    <row r="1237" spans="1:16" ht="16.5" customHeight="1">
      <c r="A1237" s="51"/>
      <c r="B1237" s="42" t="s">
        <v>130</v>
      </c>
      <c r="C1237" s="42"/>
      <c r="D1237" s="42"/>
      <c r="E1237" s="42"/>
      <c r="F1237" s="42"/>
      <c r="G1237" s="42"/>
      <c r="H1237" s="42"/>
      <c r="I1237" s="42"/>
      <c r="K1237" s="83"/>
      <c r="L1237" s="73"/>
      <c r="M1237" s="13"/>
      <c r="N1237" s="31"/>
      <c r="P1237" s="32"/>
    </row>
    <row r="1238" spans="1:16" ht="16.5" customHeight="1">
      <c r="A1238" s="51"/>
      <c r="B1238" s="42" t="s">
        <v>291</v>
      </c>
      <c r="C1238" s="42"/>
      <c r="D1238" s="42"/>
      <c r="E1238" s="42"/>
      <c r="F1238" s="42"/>
      <c r="G1238" s="42"/>
      <c r="H1238" s="42"/>
      <c r="I1238" s="42"/>
      <c r="K1238" s="83"/>
      <c r="L1238" s="73"/>
      <c r="M1238" s="13"/>
      <c r="N1238" s="31"/>
      <c r="P1238" s="32"/>
    </row>
    <row r="1239" spans="1:16" ht="16.5" customHeight="1">
      <c r="A1239" s="51"/>
      <c r="B1239" s="42" t="s">
        <v>678</v>
      </c>
      <c r="C1239" s="42"/>
      <c r="D1239" s="42"/>
      <c r="E1239" s="42"/>
      <c r="F1239" s="42"/>
      <c r="G1239" s="42"/>
      <c r="H1239" s="42"/>
      <c r="I1239" s="42"/>
      <c r="K1239" s="92" t="s">
        <v>179</v>
      </c>
      <c r="L1239" s="91" t="s">
        <v>179</v>
      </c>
      <c r="M1239" s="13"/>
      <c r="N1239" s="31"/>
      <c r="P1239" s="32"/>
    </row>
    <row r="1240" spans="1:16" ht="16.5" customHeight="1">
      <c r="A1240" s="51"/>
      <c r="B1240" s="42" t="s">
        <v>679</v>
      </c>
      <c r="C1240" s="42"/>
      <c r="D1240" s="42"/>
      <c r="E1240" s="42"/>
      <c r="F1240" s="42"/>
      <c r="G1240" s="42"/>
      <c r="H1240" s="42"/>
      <c r="I1240" s="42"/>
      <c r="K1240" s="92" t="s">
        <v>179</v>
      </c>
      <c r="L1240" s="91" t="s">
        <v>179</v>
      </c>
      <c r="M1240" s="13"/>
      <c r="N1240" s="31"/>
      <c r="P1240" s="32"/>
    </row>
    <row r="1241" spans="1:16" ht="16.5" customHeight="1">
      <c r="A1241" s="51"/>
      <c r="B1241" s="42"/>
      <c r="C1241" s="263" t="s">
        <v>6</v>
      </c>
      <c r="D1241" s="264"/>
      <c r="E1241" s="265"/>
      <c r="F1241" s="255"/>
      <c r="G1241" s="256"/>
      <c r="H1241" s="50"/>
      <c r="I1241" s="257"/>
      <c r="K1241" s="83"/>
      <c r="L1241" s="73"/>
      <c r="M1241" s="13"/>
      <c r="N1241" s="31"/>
      <c r="P1241" s="32"/>
    </row>
    <row r="1242" spans="1:16" ht="16.5" customHeight="1">
      <c r="A1242" s="51"/>
      <c r="B1242" s="42"/>
      <c r="C1242" s="266" t="s">
        <v>680</v>
      </c>
      <c r="D1242" s="267"/>
      <c r="E1242" s="268"/>
      <c r="F1242" s="258"/>
      <c r="G1242" s="259"/>
      <c r="H1242" s="42"/>
      <c r="I1242" s="260"/>
      <c r="K1242" s="83"/>
      <c r="L1242" s="73"/>
      <c r="M1242" s="13"/>
      <c r="N1242" s="31"/>
      <c r="P1242" s="32"/>
    </row>
    <row r="1243" spans="1:16" ht="16.5" customHeight="1">
      <c r="A1243" s="51"/>
      <c r="B1243" s="42"/>
      <c r="C1243" s="266" t="s">
        <v>681</v>
      </c>
      <c r="D1243" s="267"/>
      <c r="E1243" s="268"/>
      <c r="F1243" s="258"/>
      <c r="G1243" s="259"/>
      <c r="H1243" s="42"/>
      <c r="I1243" s="260"/>
      <c r="K1243" s="83"/>
      <c r="L1243" s="73"/>
      <c r="M1243" s="13"/>
      <c r="N1243" s="31"/>
      <c r="P1243" s="32"/>
    </row>
    <row r="1244" spans="1:16" ht="16.5" customHeight="1">
      <c r="A1244" s="51"/>
      <c r="B1244" s="261"/>
      <c r="C1244" s="269" t="s">
        <v>682</v>
      </c>
      <c r="D1244" s="270"/>
      <c r="E1244" s="271"/>
      <c r="F1244" s="278"/>
      <c r="G1244" s="278"/>
      <c r="H1244" s="278"/>
      <c r="I1244" s="279"/>
      <c r="K1244" s="83"/>
      <c r="L1244" s="73"/>
      <c r="M1244" s="13"/>
      <c r="N1244" s="31"/>
      <c r="P1244" s="32"/>
    </row>
    <row r="1245" spans="1:16" ht="16.5" customHeight="1">
      <c r="A1245" s="51"/>
      <c r="B1245" s="262"/>
      <c r="C1245" s="272"/>
      <c r="D1245" s="273"/>
      <c r="E1245" s="274"/>
      <c r="F1245" s="278"/>
      <c r="G1245" s="278"/>
      <c r="H1245" s="278"/>
      <c r="I1245" s="279"/>
      <c r="K1245" s="83"/>
      <c r="L1245" s="73"/>
      <c r="M1245" s="13"/>
      <c r="N1245" s="31"/>
      <c r="P1245" s="32"/>
    </row>
    <row r="1246" spans="1:16" ht="16.5" customHeight="1">
      <c r="A1246" s="51"/>
      <c r="B1246" s="262"/>
      <c r="C1246" s="272"/>
      <c r="D1246" s="273"/>
      <c r="E1246" s="274"/>
      <c r="F1246" s="278"/>
      <c r="G1246" s="278"/>
      <c r="H1246" s="278"/>
      <c r="I1246" s="279"/>
      <c r="K1246" s="83"/>
      <c r="L1246" s="73"/>
      <c r="M1246" s="13"/>
      <c r="N1246" s="31"/>
      <c r="P1246" s="32"/>
    </row>
    <row r="1247" spans="1:16" ht="16.5" customHeight="1">
      <c r="A1247" s="51"/>
      <c r="B1247" s="262"/>
      <c r="C1247" s="272"/>
      <c r="D1247" s="273"/>
      <c r="E1247" s="274"/>
      <c r="F1247" s="278"/>
      <c r="G1247" s="278"/>
      <c r="H1247" s="278"/>
      <c r="I1247" s="279"/>
      <c r="K1247" s="83"/>
      <c r="L1247" s="73"/>
      <c r="M1247" s="13"/>
      <c r="N1247" s="31"/>
      <c r="P1247" s="32"/>
    </row>
    <row r="1248" spans="1:16" ht="16.5" customHeight="1">
      <c r="A1248" s="51"/>
      <c r="B1248" s="262"/>
      <c r="C1248" s="272"/>
      <c r="D1248" s="273"/>
      <c r="E1248" s="274"/>
      <c r="F1248" s="278"/>
      <c r="G1248" s="278"/>
      <c r="H1248" s="278"/>
      <c r="I1248" s="279"/>
      <c r="K1248" s="83"/>
      <c r="L1248" s="73"/>
      <c r="M1248" s="13"/>
      <c r="N1248" s="31"/>
      <c r="P1248" s="32"/>
    </row>
    <row r="1249" spans="1:16" ht="16.5" customHeight="1">
      <c r="A1249" s="51"/>
      <c r="B1249" s="262"/>
      <c r="C1249" s="272"/>
      <c r="D1249" s="273"/>
      <c r="E1249" s="274"/>
      <c r="F1249" s="278"/>
      <c r="G1249" s="278"/>
      <c r="H1249" s="278"/>
      <c r="I1249" s="279"/>
      <c r="K1249" s="83"/>
      <c r="L1249" s="73"/>
      <c r="M1249" s="13"/>
      <c r="N1249" s="31"/>
      <c r="P1249" s="32"/>
    </row>
    <row r="1250" spans="1:16" ht="16.5" customHeight="1">
      <c r="A1250" s="51"/>
      <c r="B1250" s="262"/>
      <c r="C1250" s="272"/>
      <c r="D1250" s="273"/>
      <c r="E1250" s="274"/>
      <c r="F1250" s="278"/>
      <c r="G1250" s="278"/>
      <c r="H1250" s="278"/>
      <c r="I1250" s="279"/>
      <c r="K1250" s="83"/>
      <c r="L1250" s="73"/>
      <c r="M1250" s="13"/>
      <c r="N1250" s="31"/>
      <c r="P1250" s="32"/>
    </row>
    <row r="1251" spans="1:16" ht="16.5" customHeight="1">
      <c r="A1251" s="51"/>
      <c r="B1251" s="262"/>
      <c r="C1251" s="272"/>
      <c r="D1251" s="273"/>
      <c r="E1251" s="274"/>
      <c r="F1251" s="278"/>
      <c r="G1251" s="278"/>
      <c r="H1251" s="278"/>
      <c r="I1251" s="279"/>
      <c r="K1251" s="83"/>
      <c r="L1251" s="73"/>
      <c r="M1251" s="13"/>
      <c r="N1251" s="31"/>
      <c r="P1251" s="32"/>
    </row>
    <row r="1252" spans="1:16" ht="16.5" customHeight="1">
      <c r="A1252" s="51"/>
      <c r="B1252" s="262"/>
      <c r="C1252" s="275"/>
      <c r="D1252" s="276"/>
      <c r="E1252" s="277"/>
      <c r="F1252" s="280"/>
      <c r="G1252" s="280"/>
      <c r="H1252" s="280"/>
      <c r="I1252" s="281"/>
      <c r="K1252" s="83"/>
      <c r="L1252" s="73"/>
      <c r="M1252" s="13"/>
      <c r="N1252" s="31"/>
      <c r="P1252" s="32"/>
    </row>
    <row r="1253" spans="1:16" ht="16.5" customHeight="1">
      <c r="A1253" s="51"/>
      <c r="B1253" s="42"/>
      <c r="C1253" s="42"/>
      <c r="D1253" s="42"/>
      <c r="E1253" s="42"/>
      <c r="F1253" s="42"/>
      <c r="G1253" s="42"/>
      <c r="H1253" s="42"/>
      <c r="I1253" s="42"/>
      <c r="K1253" s="83"/>
      <c r="L1253" s="73"/>
      <c r="M1253" s="13"/>
      <c r="N1253" s="31"/>
      <c r="P1253" s="32"/>
    </row>
    <row r="1254" spans="1:16" ht="16.5" customHeight="1">
      <c r="A1254" s="51"/>
      <c r="B1254" s="42"/>
      <c r="C1254" s="42"/>
      <c r="D1254" s="42"/>
      <c r="E1254" s="42"/>
      <c r="F1254" s="42"/>
      <c r="G1254" s="42"/>
      <c r="H1254" s="42"/>
      <c r="I1254" s="42"/>
      <c r="K1254" s="83"/>
      <c r="L1254" s="73"/>
      <c r="M1254" s="13"/>
      <c r="N1254" s="31"/>
      <c r="P1254" s="32"/>
    </row>
    <row r="1255" spans="1:16" ht="16.5" customHeight="1">
      <c r="A1255" s="51"/>
      <c r="B1255" s="42"/>
      <c r="C1255" s="42"/>
      <c r="D1255" s="42"/>
      <c r="E1255" s="42"/>
      <c r="F1255" s="42"/>
      <c r="G1255" s="42"/>
      <c r="H1255" s="42"/>
      <c r="I1255" s="42"/>
      <c r="K1255" s="83"/>
      <c r="L1255" s="73"/>
      <c r="M1255" s="13"/>
      <c r="N1255" s="31"/>
      <c r="P1255" s="32"/>
    </row>
    <row r="1256" spans="1:16" ht="16.5" customHeight="1">
      <c r="A1256" s="51"/>
      <c r="B1256" s="42"/>
      <c r="C1256" s="42"/>
      <c r="D1256" s="42"/>
      <c r="E1256" s="42"/>
      <c r="F1256" s="42"/>
      <c r="G1256" s="42"/>
      <c r="H1256" s="42"/>
      <c r="I1256" s="42"/>
      <c r="K1256" s="83"/>
      <c r="L1256" s="73"/>
      <c r="M1256" s="13"/>
      <c r="N1256" s="31"/>
      <c r="P1256" s="32"/>
    </row>
    <row r="1257" spans="1:16" ht="16.5" customHeight="1">
      <c r="A1257" s="51"/>
      <c r="B1257" s="42"/>
      <c r="C1257" s="42"/>
      <c r="D1257" s="42"/>
      <c r="E1257" s="42"/>
      <c r="F1257" s="42"/>
      <c r="G1257" s="42"/>
      <c r="H1257" s="42"/>
      <c r="I1257" s="42"/>
      <c r="K1257" s="83"/>
      <c r="L1257" s="73"/>
      <c r="M1257" s="13"/>
      <c r="N1257" s="31"/>
      <c r="P1257" s="32"/>
    </row>
    <row r="1258" spans="1:16" ht="16.5" customHeight="1">
      <c r="A1258" s="51"/>
      <c r="B1258" s="42"/>
      <c r="C1258" s="42"/>
      <c r="D1258" s="42"/>
      <c r="E1258" s="42"/>
      <c r="F1258" s="42"/>
      <c r="G1258" s="42"/>
      <c r="H1258" s="42"/>
      <c r="I1258" s="42"/>
      <c r="K1258" s="83"/>
      <c r="L1258" s="73"/>
      <c r="M1258" s="13"/>
      <c r="N1258" s="31"/>
      <c r="P1258" s="32"/>
    </row>
    <row r="1259" spans="1:16" ht="16.5" customHeight="1">
      <c r="A1259" s="51"/>
      <c r="B1259" s="42"/>
      <c r="C1259" s="42"/>
      <c r="D1259" s="42"/>
      <c r="E1259" s="42"/>
      <c r="F1259" s="42"/>
      <c r="G1259" s="42"/>
      <c r="H1259" s="42"/>
      <c r="I1259" s="42"/>
      <c r="K1259" s="83"/>
      <c r="L1259" s="73"/>
      <c r="M1259" s="13"/>
      <c r="N1259" s="31"/>
      <c r="P1259" s="32"/>
    </row>
    <row r="1260" spans="1:16" ht="16.5" customHeight="1">
      <c r="A1260" s="61"/>
      <c r="B1260" s="62"/>
      <c r="C1260" s="62"/>
      <c r="D1260" s="62"/>
      <c r="E1260" s="62"/>
      <c r="F1260" s="62"/>
      <c r="G1260" s="62"/>
      <c r="H1260" s="62"/>
      <c r="I1260" s="62"/>
      <c r="J1260" s="34"/>
      <c r="K1260" s="84"/>
      <c r="L1260" s="79"/>
      <c r="M1260" s="14"/>
      <c r="N1260" s="33"/>
      <c r="O1260" s="34"/>
      <c r="P1260" s="35"/>
    </row>
  </sheetData>
  <sheetProtection sheet="1" formatCells="0" selectLockedCells="1"/>
  <mergeCells count="205">
    <mergeCell ref="E1059:F1059"/>
    <mergeCell ref="E1012:F1012"/>
    <mergeCell ref="E1049:F1049"/>
    <mergeCell ref="E1050:F1050"/>
    <mergeCell ref="E1052:F1052"/>
    <mergeCell ref="E1056:F1056"/>
    <mergeCell ref="E1011:F1011"/>
    <mergeCell ref="D1014:I1014"/>
    <mergeCell ref="D1015:I1018"/>
    <mergeCell ref="E1051:F1051"/>
    <mergeCell ref="E1058:F1058"/>
    <mergeCell ref="E993:F993"/>
    <mergeCell ref="E1003:F1003"/>
    <mergeCell ref="E1004:F1004"/>
    <mergeCell ref="E1010:F1010"/>
    <mergeCell ref="E988:F988"/>
    <mergeCell ref="E989:F989"/>
    <mergeCell ref="E990:F990"/>
    <mergeCell ref="E991:F991"/>
    <mergeCell ref="E992:F992"/>
    <mergeCell ref="G950:G951"/>
    <mergeCell ref="H950:I951"/>
    <mergeCell ref="E986:F986"/>
    <mergeCell ref="E987:F987"/>
    <mergeCell ref="N131:P132"/>
    <mergeCell ref="D17:D20"/>
    <mergeCell ref="M131:M132"/>
    <mergeCell ref="K131:L131"/>
    <mergeCell ref="B112:F112"/>
    <mergeCell ref="E29:F29"/>
    <mergeCell ref="E30:F33"/>
    <mergeCell ref="B29:D33"/>
    <mergeCell ref="E917:F917"/>
    <mergeCell ref="C186:D187"/>
    <mergeCell ref="E186:E187"/>
    <mergeCell ref="F186:H186"/>
    <mergeCell ref="E919:F919"/>
    <mergeCell ref="E926:F926"/>
    <mergeCell ref="D950:D951"/>
    <mergeCell ref="E950:E951"/>
    <mergeCell ref="F950:F951"/>
    <mergeCell ref="A1:F3"/>
    <mergeCell ref="E9:L9"/>
    <mergeCell ref="A4:M4"/>
    <mergeCell ref="E5:L5"/>
    <mergeCell ref="E8:L8"/>
    <mergeCell ref="E11:L11"/>
    <mergeCell ref="E12:L12"/>
    <mergeCell ref="E13:L13"/>
    <mergeCell ref="E14:L14"/>
    <mergeCell ref="E6:L6"/>
    <mergeCell ref="E7:L7"/>
    <mergeCell ref="E10:L10"/>
    <mergeCell ref="D9:D10"/>
    <mergeCell ref="E1103:F1103"/>
    <mergeCell ref="E1126:F1126"/>
    <mergeCell ref="E1127:F1127"/>
    <mergeCell ref="E1138:F1138"/>
    <mergeCell ref="E1143:F1143"/>
    <mergeCell ref="E1096:F1096"/>
    <mergeCell ref="E1099:F1099"/>
    <mergeCell ref="E1100:F1100"/>
    <mergeCell ref="E924:F924"/>
    <mergeCell ref="E925:F925"/>
    <mergeCell ref="E927:F927"/>
    <mergeCell ref="E1084:F1084"/>
    <mergeCell ref="E1085:F1085"/>
    <mergeCell ref="E983:F983"/>
    <mergeCell ref="E984:F984"/>
    <mergeCell ref="E995:F995"/>
    <mergeCell ref="E985:F985"/>
    <mergeCell ref="E994:F994"/>
    <mergeCell ref="E1001:F1001"/>
    <mergeCell ref="E1002:F1002"/>
    <mergeCell ref="E1005:F1005"/>
    <mergeCell ref="E1008:F1008"/>
    <mergeCell ref="E1009:F1009"/>
    <mergeCell ref="E1057:F1057"/>
    <mergeCell ref="E1184:F1184"/>
    <mergeCell ref="E1185:F1185"/>
    <mergeCell ref="E1190:F1190"/>
    <mergeCell ref="E1191:F1191"/>
    <mergeCell ref="E1194:F1194"/>
    <mergeCell ref="E1144:F1144"/>
    <mergeCell ref="E1147:F1147"/>
    <mergeCell ref="E1173:F1173"/>
    <mergeCell ref="E1174:F1174"/>
    <mergeCell ref="E1175:F1175"/>
    <mergeCell ref="E1182:F1182"/>
    <mergeCell ref="E1183:F1183"/>
    <mergeCell ref="E1192:F1192"/>
    <mergeCell ref="E1193:F1193"/>
    <mergeCell ref="D15:D16"/>
    <mergeCell ref="F949:G949"/>
    <mergeCell ref="H949:I949"/>
    <mergeCell ref="D945:D947"/>
    <mergeCell ref="D941:D943"/>
    <mergeCell ref="E941:I943"/>
    <mergeCell ref="E945:I947"/>
    <mergeCell ref="E944:I944"/>
    <mergeCell ref="E940:I940"/>
    <mergeCell ref="H948:I948"/>
    <mergeCell ref="C197:D197"/>
    <mergeCell ref="C198:D198"/>
    <mergeCell ref="C199:D199"/>
    <mergeCell ref="C374:I378"/>
    <mergeCell ref="I186:I187"/>
    <mergeCell ref="A131:J132"/>
    <mergeCell ref="E918:F918"/>
    <mergeCell ref="E920:F920"/>
    <mergeCell ref="E18:G18"/>
    <mergeCell ref="H18:L18"/>
    <mergeCell ref="E19:G19"/>
    <mergeCell ref="H19:L19"/>
    <mergeCell ref="E20:G20"/>
    <mergeCell ref="H20:L20"/>
    <mergeCell ref="E15:G15"/>
    <mergeCell ref="H15:L15"/>
    <mergeCell ref="E16:G16"/>
    <mergeCell ref="H16:L16"/>
    <mergeCell ref="E17:G17"/>
    <mergeCell ref="H17:L17"/>
    <mergeCell ref="G32:J32"/>
    <mergeCell ref="K32:M32"/>
    <mergeCell ref="G33:J33"/>
    <mergeCell ref="K33:M33"/>
    <mergeCell ref="G29:M29"/>
    <mergeCell ref="G30:J30"/>
    <mergeCell ref="K30:M30"/>
    <mergeCell ref="G31:J31"/>
    <mergeCell ref="K31:M31"/>
    <mergeCell ref="D1062:E1062"/>
    <mergeCell ref="F1062:H1062"/>
    <mergeCell ref="D1063:E1063"/>
    <mergeCell ref="F1063:H1063"/>
    <mergeCell ref="D1064:E1064"/>
    <mergeCell ref="F1064:H1064"/>
    <mergeCell ref="D1065:E1065"/>
    <mergeCell ref="F1065:H1065"/>
    <mergeCell ref="D1066:E1066"/>
    <mergeCell ref="F1066:H1066"/>
    <mergeCell ref="D1067:E1067"/>
    <mergeCell ref="F1067:H1067"/>
    <mergeCell ref="D1068:E1068"/>
    <mergeCell ref="F1068:H1068"/>
    <mergeCell ref="D1069:E1069"/>
    <mergeCell ref="F1069:H1069"/>
    <mergeCell ref="E1086:F1086"/>
    <mergeCell ref="E1087:F1087"/>
    <mergeCell ref="E1088:F1088"/>
    <mergeCell ref="E1089:F1089"/>
    <mergeCell ref="E1090:F1090"/>
    <mergeCell ref="E1091:F1091"/>
    <mergeCell ref="E1092:F1092"/>
    <mergeCell ref="E1093:F1093"/>
    <mergeCell ref="E1094:F1094"/>
    <mergeCell ref="E1095:F1095"/>
    <mergeCell ref="E1101:F1101"/>
    <mergeCell ref="E1102:F1102"/>
    <mergeCell ref="E1128:F1128"/>
    <mergeCell ref="E1129:F1129"/>
    <mergeCell ref="E1130:F1130"/>
    <mergeCell ref="E1131:F1131"/>
    <mergeCell ref="E1132:F1132"/>
    <mergeCell ref="E1133:F1133"/>
    <mergeCell ref="E1134:F1134"/>
    <mergeCell ref="E1135:F1135"/>
    <mergeCell ref="E1136:F1136"/>
    <mergeCell ref="E1137:F1137"/>
    <mergeCell ref="E1145:F1145"/>
    <mergeCell ref="E1146:F1146"/>
    <mergeCell ref="E1176:F1176"/>
    <mergeCell ref="E1177:F1177"/>
    <mergeCell ref="E1178:F1178"/>
    <mergeCell ref="E1179:F1179"/>
    <mergeCell ref="E1180:F1180"/>
    <mergeCell ref="E1181:F1181"/>
    <mergeCell ref="B1222:C1222"/>
    <mergeCell ref="E1222:G1222"/>
    <mergeCell ref="H1222:I1222"/>
    <mergeCell ref="B1223:C1224"/>
    <mergeCell ref="D1223:D1224"/>
    <mergeCell ref="F1223:G1223"/>
    <mergeCell ref="H1223:I1224"/>
    <mergeCell ref="F1224:G1224"/>
    <mergeCell ref="B1225:C1226"/>
    <mergeCell ref="D1225:D1226"/>
    <mergeCell ref="F1225:G1225"/>
    <mergeCell ref="H1225:I1226"/>
    <mergeCell ref="F1226:G1226"/>
    <mergeCell ref="C1241:E1241"/>
    <mergeCell ref="C1242:E1242"/>
    <mergeCell ref="C1243:E1243"/>
    <mergeCell ref="C1244:E1252"/>
    <mergeCell ref="F1244:I1252"/>
    <mergeCell ref="B1227:C1228"/>
    <mergeCell ref="D1227:D1228"/>
    <mergeCell ref="F1227:G1227"/>
    <mergeCell ref="H1227:I1228"/>
    <mergeCell ref="F1228:G1228"/>
    <mergeCell ref="B1229:C1230"/>
    <mergeCell ref="D1229:D1230"/>
    <mergeCell ref="F1229:G1229"/>
    <mergeCell ref="H1229:I1230"/>
    <mergeCell ref="F1230:G1230"/>
  </mergeCells>
  <phoneticPr fontId="1"/>
  <hyperlinks>
    <hyperlink ref="B112" r:id="rId1" xr:uid="{00000000-0004-0000-0000-000000000000}"/>
  </hyperlinks>
  <pageMargins left="0.98425196850393704" right="0.98425196850393704" top="0.59055118110236227" bottom="0.39370078740157483" header="0.31496062992125984" footer="0.19685039370078741"/>
  <pageSetup paperSize="9" firstPageNumber="0" pageOrder="overThenDown" orientation="portrait" useFirstPageNumber="1" horizontalDpi="1200" verticalDpi="1200" r:id="rId2"/>
  <headerFooter differentFirst="1">
    <oddFooter>&amp;C老(1)－&amp;P</oddFooter>
  </headerFooter>
  <rowBreaks count="24" manualBreakCount="24">
    <brk id="34" max="16383" man="1"/>
    <brk id="83" max="16383" man="1"/>
    <brk id="179" max="16383" man="1"/>
    <brk id="226" max="16383" man="1"/>
    <brk id="273" max="16383" man="1"/>
    <brk id="320" max="16383" man="1"/>
    <brk id="367" max="16383" man="1"/>
    <brk id="414" max="16383" man="1"/>
    <brk id="461" max="16383" man="1"/>
    <brk id="508" max="16383" man="1"/>
    <brk id="555" max="16383" man="1"/>
    <brk id="602" max="16383" man="1"/>
    <brk id="649" max="16383" man="1"/>
    <brk id="696" max="16383" man="1"/>
    <brk id="743" max="16383" man="1"/>
    <brk id="790" max="16383" man="1"/>
    <brk id="837" max="16383" man="1"/>
    <brk id="884" max="16383" man="1"/>
    <brk id="931" max="16383" man="1"/>
    <brk id="978" max="16383" man="1"/>
    <brk id="1025" max="16383" man="1"/>
    <brk id="1072" max="16383" man="1"/>
    <brk id="1119" max="16383" man="1"/>
    <brk id="1166" max="16383" man="1"/>
  </rowBreaks>
  <colBreaks count="1" manualBreakCount="1">
    <brk id="13" min="130" max="1306" man="1"/>
  </colBreaks>
  <drawing r:id="rId3"/>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0000-000000000000}">
          <x14:formula1>
            <xm:f>根拠法令等!$F$2:$F$3</xm:f>
          </x14:formula1>
          <xm:sqref>K182:L184 K254:L256 K275:L275 K282:L282 K322:L322 K592:L592 K284:L287 K348:L350 K352:L352 K370:L371 K434:L434 K436:L438 K463:L463 K465:L465 K491:L492 K499:L499 K501:L502 K510:L510 K519:L519 K514:L514 K542:L542 K418:L425 K557:L557 K579:L579 K583:L583 K566:L567 K569:L570 K630:L630 G891 K651:L651 K653:L653 K655:L655 K657:L657 K715:L716 K719:L720 K725:L727 K738:L738 K740:L740 K135:L135 K745:L748 K750:L751 K753:L753 K792:L792 K1077:L1077 K896:L896 K900:L900 K902:L902 K938:L938 E948:E949 K955:L959 K961:L961 G893:G894 E890:F894 E895 K516:L517 K996:L997 K999:L999 K1006:L1006 K1060:L1060 K1079:L1079 K1081:L1081 K588:L590 K1216:L1216 K1218:L1218 K1074:L1074 K794:L795 K797:L797 K336:L336 K338:L339 K560:L560 K562:L562 K564:L564 K625:L625 K623:L623 K628:L628 K632:L632 K621:L621 K846:L846 K848:L848 K853:L853 K906:L907 K1013:L1013 K1214:L1214 K324:L334</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B2:G202"/>
  <sheetViews>
    <sheetView topLeftCell="A164" workbookViewId="0">
      <selection activeCell="B166" sqref="B166:B172"/>
    </sheetView>
  </sheetViews>
  <sheetFormatPr defaultColWidth="9" defaultRowHeight="12"/>
  <cols>
    <col min="1" max="1" width="0.46484375" style="2" customWidth="1"/>
    <col min="2" max="2" width="80.86328125" style="2" customWidth="1"/>
    <col min="3" max="3" width="0.46484375" style="2" customWidth="1"/>
    <col min="4" max="4" width="37.73046875" style="2" customWidth="1"/>
    <col min="5" max="5" width="5.265625" style="2" customWidth="1"/>
    <col min="6" max="6" width="5.265625" style="22" customWidth="1"/>
    <col min="7" max="12" width="5.265625" style="2" customWidth="1"/>
    <col min="13" max="16384" width="9" style="2"/>
  </cols>
  <sheetData>
    <row r="2" spans="2:7" ht="16.149999999999999">
      <c r="F2" s="68" t="s">
        <v>180</v>
      </c>
    </row>
    <row r="3" spans="2:7" ht="16.149999999999999">
      <c r="F3" s="68" t="s">
        <v>178</v>
      </c>
      <c r="G3" s="68"/>
    </row>
    <row r="4" spans="2:7" ht="103.15">
      <c r="B4" s="1" t="s">
        <v>335</v>
      </c>
    </row>
    <row r="6" spans="2:7" ht="103.15">
      <c r="B6" s="4" t="s">
        <v>396</v>
      </c>
    </row>
    <row r="7" spans="2:7" ht="84.4">
      <c r="B7" s="5" t="s">
        <v>337</v>
      </c>
    </row>
    <row r="8" spans="2:7" ht="46.9">
      <c r="B8" s="5" t="s">
        <v>336</v>
      </c>
    </row>
    <row r="9" spans="2:7" ht="93.75">
      <c r="B9" s="1" t="s">
        <v>724</v>
      </c>
    </row>
    <row r="10" spans="2:7" ht="215.65">
      <c r="B10" s="1" t="s">
        <v>338</v>
      </c>
    </row>
    <row r="11" spans="2:7" ht="84.4">
      <c r="B11" s="1" t="s">
        <v>341</v>
      </c>
    </row>
    <row r="12" spans="2:7" ht="93.75">
      <c r="B12" s="1" t="s">
        <v>340</v>
      </c>
    </row>
    <row r="13" spans="2:7" ht="46.9">
      <c r="B13" s="4" t="s">
        <v>410</v>
      </c>
    </row>
    <row r="14" spans="2:7" ht="93.75">
      <c r="B14" s="5" t="s">
        <v>409</v>
      </c>
    </row>
    <row r="15" spans="2:7">
      <c r="B15" s="5" t="s">
        <v>649</v>
      </c>
    </row>
    <row r="16" spans="2:7" ht="153.75" customHeight="1">
      <c r="B16" s="5"/>
    </row>
    <row r="17" spans="2:2" ht="112.5">
      <c r="B17" s="6" t="s">
        <v>339</v>
      </c>
    </row>
    <row r="18" spans="2:2" ht="56.25">
      <c r="B18" s="4" t="s">
        <v>573</v>
      </c>
    </row>
    <row r="19" spans="2:2" ht="121.9">
      <c r="B19" s="4" t="s">
        <v>574</v>
      </c>
    </row>
    <row r="20" spans="2:2" ht="121.9">
      <c r="B20" s="6" t="s">
        <v>373</v>
      </c>
    </row>
    <row r="21" spans="2:2" ht="46.9">
      <c r="B21" s="6" t="s">
        <v>372</v>
      </c>
    </row>
    <row r="22" spans="2:2">
      <c r="B22" s="6"/>
    </row>
    <row r="23" spans="2:2" ht="93.75">
      <c r="B23" s="1" t="s">
        <v>575</v>
      </c>
    </row>
    <row r="25" spans="2:2" ht="121.9">
      <c r="B25" s="1" t="s">
        <v>576</v>
      </c>
    </row>
    <row r="26" spans="2:2" ht="215.65">
      <c r="B26" s="4" t="s">
        <v>393</v>
      </c>
    </row>
    <row r="27" spans="2:2" ht="84.4">
      <c r="B27" s="1" t="s">
        <v>341</v>
      </c>
    </row>
    <row r="28" spans="2:2" ht="131.25">
      <c r="B28" s="4" t="s">
        <v>391</v>
      </c>
    </row>
    <row r="29" spans="2:2" ht="56.25">
      <c r="B29" s="6" t="s">
        <v>392</v>
      </c>
    </row>
    <row r="31" spans="2:2" ht="131.25">
      <c r="B31" s="1" t="s">
        <v>725</v>
      </c>
    </row>
    <row r="32" spans="2:2" ht="84.4">
      <c r="B32" s="1" t="s">
        <v>341</v>
      </c>
    </row>
    <row r="33" spans="2:2">
      <c r="B33" s="1"/>
    </row>
    <row r="34" spans="2:2" ht="103.15">
      <c r="B34" s="1" t="s">
        <v>577</v>
      </c>
    </row>
    <row r="35" spans="2:2" ht="84.4">
      <c r="B35" s="1" t="s">
        <v>341</v>
      </c>
    </row>
    <row r="37" spans="2:2" ht="56.25">
      <c r="B37" s="1" t="s">
        <v>580</v>
      </c>
    </row>
    <row r="40" spans="2:2" ht="28.15">
      <c r="B40" s="4" t="s">
        <v>395</v>
      </c>
    </row>
    <row r="41" spans="2:2" ht="37.5">
      <c r="B41" s="6" t="s">
        <v>394</v>
      </c>
    </row>
    <row r="43" spans="2:2">
      <c r="B43" s="3"/>
    </row>
    <row r="44" spans="2:2" ht="28.15">
      <c r="B44" s="1" t="s">
        <v>342</v>
      </c>
    </row>
    <row r="45" spans="2:2" ht="28.15">
      <c r="B45" s="1" t="s">
        <v>421</v>
      </c>
    </row>
    <row r="46" spans="2:2" ht="28.15">
      <c r="B46" s="1" t="s">
        <v>343</v>
      </c>
    </row>
    <row r="47" spans="2:2" ht="37.5">
      <c r="B47" s="5" t="s">
        <v>348</v>
      </c>
    </row>
    <row r="48" spans="2:2" ht="93.75">
      <c r="B48" s="5" t="s">
        <v>344</v>
      </c>
    </row>
    <row r="49" spans="2:4" ht="178.15">
      <c r="B49" s="5" t="s">
        <v>345</v>
      </c>
    </row>
    <row r="50" spans="2:4" ht="150">
      <c r="B50" s="5" t="s">
        <v>346</v>
      </c>
    </row>
    <row r="51" spans="2:4" ht="37.5">
      <c r="B51" s="6" t="s">
        <v>347</v>
      </c>
    </row>
    <row r="52" spans="2:4" ht="18.75">
      <c r="B52" s="1" t="s">
        <v>350</v>
      </c>
    </row>
    <row r="53" spans="2:4" ht="75">
      <c r="B53" s="1" t="s">
        <v>349</v>
      </c>
    </row>
    <row r="54" spans="2:4">
      <c r="B54" s="3"/>
    </row>
    <row r="55" spans="2:4" ht="93.75">
      <c r="B55" s="4" t="s">
        <v>351</v>
      </c>
    </row>
    <row r="56" spans="2:4" ht="150">
      <c r="B56" s="6" t="s">
        <v>581</v>
      </c>
    </row>
    <row r="58" spans="2:4" ht="103.15">
      <c r="B58" s="4" t="s">
        <v>352</v>
      </c>
    </row>
    <row r="59" spans="2:4" ht="121.9">
      <c r="B59" s="5" t="s">
        <v>582</v>
      </c>
    </row>
    <row r="60" spans="2:4" ht="112.5">
      <c r="B60" s="1" t="s">
        <v>123</v>
      </c>
    </row>
    <row r="61" spans="2:4">
      <c r="D61" s="5"/>
    </row>
    <row r="62" spans="2:4" ht="93.75">
      <c r="B62" s="4" t="s">
        <v>353</v>
      </c>
    </row>
    <row r="63" spans="2:4" ht="93.75">
      <c r="B63" s="5" t="s">
        <v>354</v>
      </c>
    </row>
    <row r="64" spans="2:4" ht="103.15">
      <c r="B64" s="5" t="s">
        <v>355</v>
      </c>
    </row>
    <row r="65" spans="2:2" ht="103.15">
      <c r="B65" s="5" t="s">
        <v>356</v>
      </c>
    </row>
    <row r="66" spans="2:2" ht="56.25">
      <c r="B66" s="6" t="s">
        <v>357</v>
      </c>
    </row>
    <row r="69" spans="2:2" ht="112.5">
      <c r="B69" s="1" t="s">
        <v>358</v>
      </c>
    </row>
    <row r="71" spans="2:2" ht="150">
      <c r="B71" s="1" t="s">
        <v>583</v>
      </c>
    </row>
    <row r="73" spans="2:2" ht="168.75">
      <c r="B73" s="4" t="s">
        <v>359</v>
      </c>
    </row>
    <row r="74" spans="2:2" ht="196.9">
      <c r="B74" s="5" t="s">
        <v>586</v>
      </c>
    </row>
    <row r="75" spans="2:2" ht="84.4">
      <c r="B75" s="5" t="s">
        <v>360</v>
      </c>
    </row>
    <row r="76" spans="2:2" ht="65.650000000000006">
      <c r="B76" s="6" t="s">
        <v>587</v>
      </c>
    </row>
    <row r="78" spans="2:2">
      <c r="B78" s="3"/>
    </row>
    <row r="79" spans="2:2" ht="28.15">
      <c r="B79" s="4" t="s">
        <v>361</v>
      </c>
    </row>
    <row r="80" spans="2:2" ht="206.25">
      <c r="B80" s="6" t="s">
        <v>588</v>
      </c>
    </row>
    <row r="81" spans="2:2">
      <c r="B81" s="3"/>
    </row>
    <row r="82" spans="2:2" ht="140.65">
      <c r="B82" s="4" t="s">
        <v>362</v>
      </c>
    </row>
    <row r="83" spans="2:2" ht="206.25">
      <c r="B83" s="6" t="s">
        <v>589</v>
      </c>
    </row>
    <row r="84" spans="2:2">
      <c r="B84" s="3"/>
    </row>
    <row r="85" spans="2:2" ht="37.5">
      <c r="B85" s="1" t="s">
        <v>363</v>
      </c>
    </row>
    <row r="86" spans="2:2">
      <c r="B86" s="3"/>
    </row>
    <row r="87" spans="2:2" ht="75">
      <c r="B87" s="1" t="s">
        <v>364</v>
      </c>
    </row>
    <row r="88" spans="2:2">
      <c r="B88" s="3"/>
    </row>
    <row r="90" spans="2:2" ht="112.5">
      <c r="B90" s="4" t="s">
        <v>365</v>
      </c>
    </row>
    <row r="91" spans="2:2" ht="28.15">
      <c r="B91" s="5" t="s">
        <v>397</v>
      </c>
    </row>
    <row r="92" spans="2:2" ht="28.15">
      <c r="B92" s="5" t="s">
        <v>398</v>
      </c>
    </row>
    <row r="93" spans="2:2" ht="75">
      <c r="B93" s="5" t="s">
        <v>591</v>
      </c>
    </row>
    <row r="94" spans="2:2" ht="28.15">
      <c r="B94" s="5" t="s">
        <v>592</v>
      </c>
    </row>
    <row r="95" spans="2:2" ht="121.9">
      <c r="B95" s="5" t="s">
        <v>726</v>
      </c>
    </row>
    <row r="96" spans="2:2" ht="93.75">
      <c r="B96" s="6" t="s">
        <v>590</v>
      </c>
    </row>
    <row r="98" spans="2:2" ht="65.650000000000006">
      <c r="B98" s="4" t="s">
        <v>366</v>
      </c>
    </row>
    <row r="99" spans="2:2" ht="46.9">
      <c r="B99" s="5" t="s">
        <v>593</v>
      </c>
    </row>
    <row r="100" spans="2:2" ht="140.65">
      <c r="B100" s="5" t="s">
        <v>594</v>
      </c>
    </row>
    <row r="101" spans="2:2" ht="65.650000000000006">
      <c r="B101" s="5" t="s">
        <v>399</v>
      </c>
    </row>
    <row r="102" spans="2:2" ht="84.4">
      <c r="B102" s="6" t="s">
        <v>126</v>
      </c>
    </row>
    <row r="104" spans="2:2" ht="131.25">
      <c r="B104" s="4" t="s">
        <v>367</v>
      </c>
    </row>
    <row r="105" spans="2:2" ht="93.75">
      <c r="B105" s="5" t="s">
        <v>400</v>
      </c>
    </row>
    <row r="106" spans="2:2" ht="121.9">
      <c r="B106" s="5" t="s">
        <v>600</v>
      </c>
    </row>
    <row r="107" spans="2:2" ht="84.4">
      <c r="B107" s="5" t="s">
        <v>601</v>
      </c>
    </row>
    <row r="108" spans="2:2" ht="93.75">
      <c r="B108" s="5" t="s">
        <v>401</v>
      </c>
    </row>
    <row r="109" spans="2:2" ht="65.650000000000006">
      <c r="B109" s="5" t="s">
        <v>602</v>
      </c>
    </row>
    <row r="110" spans="2:2" ht="46.9">
      <c r="B110" s="6" t="s">
        <v>728</v>
      </c>
    </row>
    <row r="111" spans="2:2" ht="65.650000000000006">
      <c r="B111" s="4" t="s">
        <v>49</v>
      </c>
    </row>
    <row r="112" spans="2:2" ht="56.25">
      <c r="B112" s="5" t="s">
        <v>105</v>
      </c>
    </row>
    <row r="113" spans="2:2" ht="46.9">
      <c r="B113" s="5" t="s">
        <v>50</v>
      </c>
    </row>
    <row r="114" spans="2:2" ht="93.75">
      <c r="B114" s="6" t="s">
        <v>51</v>
      </c>
    </row>
    <row r="115" spans="2:2">
      <c r="B115" s="3"/>
    </row>
    <row r="116" spans="2:2" ht="28.15">
      <c r="B116" s="1" t="s">
        <v>368</v>
      </c>
    </row>
    <row r="118" spans="2:2" ht="75">
      <c r="B118" s="1" t="s">
        <v>603</v>
      </c>
    </row>
    <row r="119" spans="2:2">
      <c r="B119" s="3"/>
    </row>
    <row r="121" spans="2:2" ht="196.9">
      <c r="B121" s="1" t="s">
        <v>402</v>
      </c>
    </row>
    <row r="122" spans="2:2">
      <c r="B122" s="3"/>
    </row>
    <row r="123" spans="2:2" ht="46.9">
      <c r="B123" s="1" t="s">
        <v>369</v>
      </c>
    </row>
    <row r="125" spans="2:2" ht="131.25">
      <c r="B125" s="4" t="s">
        <v>370</v>
      </c>
    </row>
    <row r="126" spans="2:2" ht="103.15">
      <c r="B126" s="5" t="s">
        <v>403</v>
      </c>
    </row>
    <row r="127" spans="2:2" ht="112.5">
      <c r="B127" s="5" t="s">
        <v>404</v>
      </c>
    </row>
    <row r="128" spans="2:2" ht="103.15">
      <c r="B128" s="5" t="s">
        <v>405</v>
      </c>
    </row>
    <row r="129" spans="2:4" ht="65.650000000000006">
      <c r="B129" s="5" t="s">
        <v>604</v>
      </c>
    </row>
    <row r="130" spans="2:4" ht="28.15">
      <c r="B130" s="5" t="s">
        <v>605</v>
      </c>
    </row>
    <row r="131" spans="2:4" ht="28.15">
      <c r="B131" s="6" t="s">
        <v>406</v>
      </c>
    </row>
    <row r="132" spans="2:4">
      <c r="B132" s="3"/>
    </row>
    <row r="134" spans="2:4" ht="65.650000000000006">
      <c r="B134" s="4" t="s">
        <v>371</v>
      </c>
    </row>
    <row r="135" spans="2:4" ht="150">
      <c r="B135" s="5" t="s">
        <v>407</v>
      </c>
    </row>
    <row r="136" spans="2:4" ht="206.25">
      <c r="B136" s="5" t="s">
        <v>606</v>
      </c>
    </row>
    <row r="137" spans="2:4" ht="103.15">
      <c r="B137" s="5" t="s">
        <v>52</v>
      </c>
    </row>
    <row r="138" spans="2:4" ht="65.650000000000006">
      <c r="B138" s="5" t="s">
        <v>607</v>
      </c>
    </row>
    <row r="139" spans="2:4" ht="28.15">
      <c r="B139" s="6" t="s">
        <v>608</v>
      </c>
    </row>
    <row r="140" spans="2:4">
      <c r="D140" s="244"/>
    </row>
    <row r="141" spans="2:4" ht="112.5">
      <c r="B141" s="1" t="s">
        <v>358</v>
      </c>
      <c r="D141" s="244"/>
    </row>
    <row r="142" spans="2:4" ht="150">
      <c r="B142" s="1" t="s">
        <v>583</v>
      </c>
      <c r="D142" s="244"/>
    </row>
    <row r="143" spans="2:4" ht="65.650000000000006">
      <c r="B143" s="1" t="s">
        <v>610</v>
      </c>
      <c r="D143" s="244"/>
    </row>
    <row r="144" spans="2:4">
      <c r="D144" s="244"/>
    </row>
    <row r="145" spans="2:4">
      <c r="D145" s="244"/>
    </row>
    <row r="146" spans="2:4">
      <c r="D146" s="244"/>
    </row>
    <row r="147" spans="2:4" ht="103.15">
      <c r="B147" s="4" t="s">
        <v>352</v>
      </c>
      <c r="D147" s="244"/>
    </row>
    <row r="148" spans="2:4" ht="121.9">
      <c r="B148" s="5" t="s">
        <v>582</v>
      </c>
      <c r="D148" s="244"/>
    </row>
    <row r="149" spans="2:4" ht="112.5">
      <c r="B149" s="1" t="s">
        <v>123</v>
      </c>
      <c r="D149" s="244"/>
    </row>
    <row r="150" spans="2:4" ht="75">
      <c r="B150" s="1" t="s">
        <v>655</v>
      </c>
    </row>
    <row r="151" spans="2:4">
      <c r="B151" s="4"/>
      <c r="D151" s="244"/>
    </row>
    <row r="152" spans="2:4">
      <c r="B152" s="4"/>
      <c r="D152" s="244"/>
    </row>
    <row r="153" spans="2:4" ht="65.650000000000006">
      <c r="B153" s="4" t="s">
        <v>366</v>
      </c>
      <c r="D153" s="244"/>
    </row>
    <row r="154" spans="2:4" ht="46.9">
      <c r="B154" s="5" t="s">
        <v>593</v>
      </c>
      <c r="D154" s="244"/>
    </row>
    <row r="155" spans="2:4" ht="140.65">
      <c r="B155" s="5" t="s">
        <v>594</v>
      </c>
      <c r="D155" s="244"/>
    </row>
    <row r="156" spans="2:4" ht="65.650000000000006">
      <c r="B156" s="5" t="s">
        <v>399</v>
      </c>
      <c r="D156" s="244"/>
    </row>
    <row r="157" spans="2:4" ht="84.4">
      <c r="B157" s="6" t="s">
        <v>126</v>
      </c>
      <c r="D157" s="244"/>
    </row>
    <row r="158" spans="2:4" ht="84.4">
      <c r="B158" s="1" t="s">
        <v>334</v>
      </c>
      <c r="D158" s="244"/>
    </row>
    <row r="159" spans="2:4" ht="84.4">
      <c r="B159" s="4" t="s">
        <v>317</v>
      </c>
      <c r="D159" s="244"/>
    </row>
    <row r="160" spans="2:4" ht="75">
      <c r="B160" s="6" t="s">
        <v>316</v>
      </c>
      <c r="D160" s="244"/>
    </row>
    <row r="161" spans="2:4" ht="103.15">
      <c r="B161" s="4" t="s">
        <v>318</v>
      </c>
      <c r="D161" s="244"/>
    </row>
    <row r="162" spans="2:4" ht="84.4">
      <c r="B162" s="6" t="s">
        <v>319</v>
      </c>
      <c r="D162" s="244"/>
    </row>
    <row r="163" spans="2:4" ht="131.25">
      <c r="B163" s="249" t="s">
        <v>113</v>
      </c>
      <c r="D163" s="244"/>
    </row>
    <row r="164" spans="2:4" ht="121.9">
      <c r="B164" s="250" t="s">
        <v>112</v>
      </c>
      <c r="D164" s="244"/>
    </row>
    <row r="165" spans="2:4">
      <c r="D165" s="244"/>
    </row>
    <row r="166" spans="2:4" ht="131.25">
      <c r="B166" s="4" t="s">
        <v>367</v>
      </c>
      <c r="D166" s="244"/>
    </row>
    <row r="167" spans="2:4" ht="93.75">
      <c r="B167" s="5" t="s">
        <v>400</v>
      </c>
      <c r="D167" s="244"/>
    </row>
    <row r="168" spans="2:4" ht="121.9">
      <c r="B168" s="5" t="s">
        <v>600</v>
      </c>
      <c r="D168" s="244"/>
    </row>
    <row r="169" spans="2:4" ht="84.4">
      <c r="B169" s="5" t="s">
        <v>601</v>
      </c>
      <c r="D169" s="244"/>
    </row>
    <row r="170" spans="2:4" ht="93.75">
      <c r="B170" s="5" t="s">
        <v>401</v>
      </c>
      <c r="D170" s="244"/>
    </row>
    <row r="171" spans="2:4" ht="65.650000000000006">
      <c r="B171" s="5" t="s">
        <v>602</v>
      </c>
      <c r="D171" s="244"/>
    </row>
    <row r="172" spans="2:4" ht="46.9">
      <c r="B172" s="6" t="s">
        <v>728</v>
      </c>
      <c r="D172" s="244"/>
    </row>
    <row r="173" spans="2:4" ht="65.650000000000006">
      <c r="B173" s="4" t="s">
        <v>49</v>
      </c>
      <c r="D173" s="244"/>
    </row>
    <row r="174" spans="2:4" ht="56.25">
      <c r="B174" s="5" t="s">
        <v>105</v>
      </c>
      <c r="D174" s="244"/>
    </row>
    <row r="175" spans="2:4" ht="46.9">
      <c r="B175" s="5" t="s">
        <v>50</v>
      </c>
      <c r="D175" s="244"/>
    </row>
    <row r="176" spans="2:4" ht="93.75">
      <c r="B176" s="6" t="s">
        <v>51</v>
      </c>
      <c r="D176" s="244"/>
    </row>
    <row r="177" spans="2:4">
      <c r="D177" s="244"/>
    </row>
    <row r="178" spans="2:4" ht="131.25">
      <c r="B178" s="4" t="s">
        <v>370</v>
      </c>
      <c r="D178" s="244"/>
    </row>
    <row r="179" spans="2:4" ht="103.15">
      <c r="B179" s="5" t="s">
        <v>403</v>
      </c>
      <c r="D179" s="244"/>
    </row>
    <row r="180" spans="2:4" ht="112.5">
      <c r="B180" s="5" t="s">
        <v>404</v>
      </c>
      <c r="D180" s="244"/>
    </row>
    <row r="181" spans="2:4" ht="103.15">
      <c r="B181" s="5" t="s">
        <v>405</v>
      </c>
      <c r="D181" s="244"/>
    </row>
    <row r="182" spans="2:4" ht="65.650000000000006">
      <c r="B182" s="5" t="s">
        <v>604</v>
      </c>
      <c r="D182" s="244"/>
    </row>
    <row r="183" spans="2:4" ht="28.15">
      <c r="B183" s="5" t="s">
        <v>605</v>
      </c>
      <c r="D183" s="244"/>
    </row>
    <row r="184" spans="2:4" ht="28.15">
      <c r="B184" s="6" t="s">
        <v>406</v>
      </c>
      <c r="D184" s="244"/>
    </row>
    <row r="185" spans="2:4">
      <c r="D185" s="244"/>
    </row>
    <row r="186" spans="2:4" ht="196.9">
      <c r="B186" s="1" t="s">
        <v>402</v>
      </c>
      <c r="D186" s="244"/>
    </row>
    <row r="187" spans="2:4">
      <c r="D187" s="244"/>
    </row>
    <row r="188" spans="2:4" ht="65.650000000000006">
      <c r="B188" s="4" t="s">
        <v>371</v>
      </c>
      <c r="D188" s="244"/>
    </row>
    <row r="189" spans="2:4" ht="150">
      <c r="B189" s="5" t="s">
        <v>407</v>
      </c>
      <c r="D189" s="244"/>
    </row>
    <row r="190" spans="2:4" ht="206.25">
      <c r="B190" s="5" t="s">
        <v>606</v>
      </c>
      <c r="D190" s="244"/>
    </row>
    <row r="191" spans="2:4" ht="103.15">
      <c r="B191" s="5" t="s">
        <v>52</v>
      </c>
      <c r="D191" s="244"/>
    </row>
    <row r="192" spans="2:4" ht="65.650000000000006">
      <c r="B192" s="5" t="s">
        <v>607</v>
      </c>
      <c r="D192" s="244"/>
    </row>
    <row r="193" spans="2:4" ht="28.15">
      <c r="B193" s="6" t="s">
        <v>608</v>
      </c>
      <c r="D193" s="244"/>
    </row>
    <row r="194" spans="2:4">
      <c r="D194" s="244"/>
    </row>
    <row r="195" spans="2:4" ht="112.5">
      <c r="B195" s="4" t="s">
        <v>408</v>
      </c>
      <c r="D195" s="244"/>
    </row>
    <row r="196" spans="2:4" ht="196.9">
      <c r="B196" s="5" t="s">
        <v>586</v>
      </c>
      <c r="D196" s="244"/>
    </row>
    <row r="197" spans="2:4" ht="84.4">
      <c r="B197" s="5" t="s">
        <v>360</v>
      </c>
      <c r="D197" s="244"/>
    </row>
    <row r="198" spans="2:4" ht="65.650000000000006">
      <c r="B198" s="6" t="s">
        <v>587</v>
      </c>
      <c r="D198" s="244"/>
    </row>
    <row r="199" spans="2:4" ht="140.65">
      <c r="B199" s="4" t="s">
        <v>127</v>
      </c>
      <c r="D199" s="244"/>
    </row>
    <row r="200" spans="2:4" ht="56.25">
      <c r="B200" s="5" t="s">
        <v>259</v>
      </c>
      <c r="D200" s="244"/>
    </row>
    <row r="201" spans="2:4" ht="140.65">
      <c r="B201" s="6" t="s">
        <v>128</v>
      </c>
      <c r="D201" s="244"/>
    </row>
    <row r="202" spans="2:4">
      <c r="B202" s="3"/>
    </row>
  </sheetData>
  <phoneticPr fontId="1"/>
  <pageMargins left="0.98425196850393704" right="0.98425196850393704" top="0.74803149606299213" bottom="0.74803149606299213" header="0.31496062992125984" footer="0.31496062992125984"/>
  <pageSetup paperSize="9" orientation="portrai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H43"/>
  <sheetViews>
    <sheetView zoomScaleNormal="100" workbookViewId="0">
      <selection activeCell="B4" sqref="B4"/>
    </sheetView>
  </sheetViews>
  <sheetFormatPr defaultColWidth="9" defaultRowHeight="18" customHeight="1"/>
  <cols>
    <col min="1" max="1" width="4.46484375" style="148" customWidth="1"/>
    <col min="2" max="2" width="13.86328125" style="42" bestFit="1" customWidth="1"/>
    <col min="3" max="3" width="5" style="148" customWidth="1"/>
    <col min="4" max="4" width="14.265625" style="149" customWidth="1"/>
    <col min="5" max="5" width="4.46484375" style="148" customWidth="1"/>
    <col min="6" max="6" width="13.86328125" style="42" bestFit="1" customWidth="1"/>
    <col min="7" max="7" width="5" style="148" customWidth="1"/>
    <col min="8" max="8" width="14.265625" style="149" customWidth="1"/>
    <col min="9" max="16384" width="9" style="148"/>
  </cols>
  <sheetData>
    <row r="1" spans="1:8" ht="18" customHeight="1">
      <c r="A1" s="147" t="s">
        <v>517</v>
      </c>
      <c r="E1" s="150"/>
    </row>
    <row r="2" spans="1:8" ht="18" customHeight="1">
      <c r="A2" s="151" t="s">
        <v>518</v>
      </c>
    </row>
    <row r="3" spans="1:8" ht="18" customHeight="1">
      <c r="A3" s="152" t="s">
        <v>519</v>
      </c>
      <c r="B3" s="153" t="s">
        <v>520</v>
      </c>
      <c r="C3" s="154" t="s">
        <v>521</v>
      </c>
      <c r="D3" s="155" t="s">
        <v>522</v>
      </c>
      <c r="E3" s="156" t="s">
        <v>519</v>
      </c>
      <c r="F3" s="157" t="s">
        <v>520</v>
      </c>
      <c r="G3" s="154" t="s">
        <v>521</v>
      </c>
      <c r="H3" s="158" t="s">
        <v>522</v>
      </c>
    </row>
    <row r="4" spans="1:8" ht="18" customHeight="1">
      <c r="A4" s="159">
        <v>1</v>
      </c>
      <c r="B4" s="160"/>
      <c r="C4" s="161"/>
      <c r="D4" s="162"/>
      <c r="E4" s="163">
        <v>41</v>
      </c>
      <c r="F4" s="164"/>
      <c r="G4" s="161"/>
      <c r="H4" s="165"/>
    </row>
    <row r="5" spans="1:8" ht="18" customHeight="1">
      <c r="A5" s="166">
        <v>2</v>
      </c>
      <c r="B5" s="167"/>
      <c r="C5" s="168"/>
      <c r="D5" s="169"/>
      <c r="E5" s="170">
        <v>42</v>
      </c>
      <c r="F5" s="171"/>
      <c r="G5" s="168"/>
      <c r="H5" s="172"/>
    </row>
    <row r="6" spans="1:8" ht="18" customHeight="1">
      <c r="A6" s="166">
        <v>3</v>
      </c>
      <c r="B6" s="167"/>
      <c r="C6" s="168"/>
      <c r="D6" s="169"/>
      <c r="E6" s="170">
        <v>43</v>
      </c>
      <c r="F6" s="171"/>
      <c r="G6" s="168"/>
      <c r="H6" s="172"/>
    </row>
    <row r="7" spans="1:8" ht="18" customHeight="1">
      <c r="A7" s="166">
        <v>4</v>
      </c>
      <c r="B7" s="167"/>
      <c r="C7" s="168"/>
      <c r="D7" s="169"/>
      <c r="E7" s="170">
        <v>44</v>
      </c>
      <c r="F7" s="171"/>
      <c r="G7" s="168"/>
      <c r="H7" s="172"/>
    </row>
    <row r="8" spans="1:8" ht="18" customHeight="1">
      <c r="A8" s="166">
        <v>5</v>
      </c>
      <c r="B8" s="167"/>
      <c r="C8" s="168"/>
      <c r="D8" s="169"/>
      <c r="E8" s="170">
        <v>45</v>
      </c>
      <c r="F8" s="171"/>
      <c r="G8" s="168"/>
      <c r="H8" s="172"/>
    </row>
    <row r="9" spans="1:8" ht="18" customHeight="1">
      <c r="A9" s="166">
        <v>6</v>
      </c>
      <c r="B9" s="167"/>
      <c r="C9" s="168"/>
      <c r="D9" s="169"/>
      <c r="E9" s="170">
        <v>46</v>
      </c>
      <c r="F9" s="171"/>
      <c r="G9" s="168"/>
      <c r="H9" s="172"/>
    </row>
    <row r="10" spans="1:8" ht="18" customHeight="1">
      <c r="A10" s="166">
        <v>7</v>
      </c>
      <c r="B10" s="167"/>
      <c r="C10" s="168"/>
      <c r="D10" s="169"/>
      <c r="E10" s="170">
        <v>47</v>
      </c>
      <c r="F10" s="171"/>
      <c r="G10" s="168"/>
      <c r="H10" s="172"/>
    </row>
    <row r="11" spans="1:8" ht="18" customHeight="1">
      <c r="A11" s="166">
        <v>8</v>
      </c>
      <c r="B11" s="167"/>
      <c r="C11" s="168"/>
      <c r="D11" s="169"/>
      <c r="E11" s="170">
        <v>48</v>
      </c>
      <c r="F11" s="171"/>
      <c r="G11" s="168"/>
      <c r="H11" s="172"/>
    </row>
    <row r="12" spans="1:8" ht="18" customHeight="1">
      <c r="A12" s="166">
        <v>9</v>
      </c>
      <c r="B12" s="167"/>
      <c r="C12" s="168"/>
      <c r="D12" s="169"/>
      <c r="E12" s="170">
        <v>49</v>
      </c>
      <c r="F12" s="171"/>
      <c r="G12" s="168"/>
      <c r="H12" s="172"/>
    </row>
    <row r="13" spans="1:8" ht="18" customHeight="1">
      <c r="A13" s="166">
        <v>10</v>
      </c>
      <c r="B13" s="167"/>
      <c r="C13" s="168"/>
      <c r="D13" s="169"/>
      <c r="E13" s="170">
        <v>50</v>
      </c>
      <c r="F13" s="171"/>
      <c r="G13" s="168"/>
      <c r="H13" s="172"/>
    </row>
    <row r="14" spans="1:8" ht="18" customHeight="1">
      <c r="A14" s="166">
        <v>11</v>
      </c>
      <c r="B14" s="167"/>
      <c r="C14" s="168"/>
      <c r="D14" s="169"/>
      <c r="E14" s="170">
        <v>51</v>
      </c>
      <c r="F14" s="171"/>
      <c r="G14" s="168"/>
      <c r="H14" s="172"/>
    </row>
    <row r="15" spans="1:8" ht="18" customHeight="1">
      <c r="A15" s="166">
        <v>12</v>
      </c>
      <c r="B15" s="167"/>
      <c r="C15" s="168"/>
      <c r="D15" s="169"/>
      <c r="E15" s="170">
        <v>52</v>
      </c>
      <c r="F15" s="171"/>
      <c r="G15" s="168"/>
      <c r="H15" s="172"/>
    </row>
    <row r="16" spans="1:8" ht="18" customHeight="1">
      <c r="A16" s="166">
        <v>13</v>
      </c>
      <c r="B16" s="167"/>
      <c r="C16" s="168"/>
      <c r="D16" s="169"/>
      <c r="E16" s="170">
        <v>53</v>
      </c>
      <c r="F16" s="171"/>
      <c r="G16" s="168"/>
      <c r="H16" s="172"/>
    </row>
    <row r="17" spans="1:8" ht="18" customHeight="1">
      <c r="A17" s="166">
        <v>14</v>
      </c>
      <c r="B17" s="167"/>
      <c r="C17" s="168"/>
      <c r="D17" s="169"/>
      <c r="E17" s="170">
        <v>54</v>
      </c>
      <c r="F17" s="171"/>
      <c r="G17" s="168"/>
      <c r="H17" s="172"/>
    </row>
    <row r="18" spans="1:8" ht="18" customHeight="1">
      <c r="A18" s="166">
        <v>15</v>
      </c>
      <c r="B18" s="167"/>
      <c r="C18" s="168"/>
      <c r="D18" s="169"/>
      <c r="E18" s="170">
        <v>55</v>
      </c>
      <c r="F18" s="171"/>
      <c r="G18" s="168"/>
      <c r="H18" s="172"/>
    </row>
    <row r="19" spans="1:8" ht="18" customHeight="1">
      <c r="A19" s="166">
        <v>16</v>
      </c>
      <c r="B19" s="167"/>
      <c r="C19" s="168"/>
      <c r="D19" s="169"/>
      <c r="E19" s="170">
        <v>56</v>
      </c>
      <c r="F19" s="171"/>
      <c r="G19" s="168"/>
      <c r="H19" s="172"/>
    </row>
    <row r="20" spans="1:8" ht="18" customHeight="1">
      <c r="A20" s="166">
        <v>17</v>
      </c>
      <c r="B20" s="167"/>
      <c r="C20" s="168"/>
      <c r="D20" s="169"/>
      <c r="E20" s="170">
        <v>57</v>
      </c>
      <c r="F20" s="171"/>
      <c r="G20" s="168"/>
      <c r="H20" s="172"/>
    </row>
    <row r="21" spans="1:8" ht="18" customHeight="1">
      <c r="A21" s="166">
        <v>18</v>
      </c>
      <c r="B21" s="167"/>
      <c r="C21" s="168"/>
      <c r="D21" s="169"/>
      <c r="E21" s="170">
        <v>58</v>
      </c>
      <c r="F21" s="171"/>
      <c r="G21" s="168"/>
      <c r="H21" s="172"/>
    </row>
    <row r="22" spans="1:8" ht="18" customHeight="1">
      <c r="A22" s="166">
        <v>19</v>
      </c>
      <c r="B22" s="167"/>
      <c r="C22" s="168"/>
      <c r="D22" s="169"/>
      <c r="E22" s="170">
        <v>59</v>
      </c>
      <c r="F22" s="171"/>
      <c r="G22" s="168"/>
      <c r="H22" s="172"/>
    </row>
    <row r="23" spans="1:8" ht="18" customHeight="1">
      <c r="A23" s="166">
        <v>20</v>
      </c>
      <c r="B23" s="167"/>
      <c r="C23" s="168"/>
      <c r="D23" s="169"/>
      <c r="E23" s="170">
        <v>60</v>
      </c>
      <c r="F23" s="171"/>
      <c r="G23" s="168"/>
      <c r="H23" s="172"/>
    </row>
    <row r="24" spans="1:8" ht="18" customHeight="1">
      <c r="A24" s="166">
        <v>21</v>
      </c>
      <c r="B24" s="167"/>
      <c r="C24" s="168"/>
      <c r="D24" s="169"/>
      <c r="E24" s="170">
        <v>61</v>
      </c>
      <c r="F24" s="171"/>
      <c r="G24" s="168"/>
      <c r="H24" s="172"/>
    </row>
    <row r="25" spans="1:8" ht="18" customHeight="1">
      <c r="A25" s="166">
        <v>22</v>
      </c>
      <c r="B25" s="167"/>
      <c r="C25" s="168"/>
      <c r="D25" s="169"/>
      <c r="E25" s="170">
        <v>62</v>
      </c>
      <c r="F25" s="171"/>
      <c r="G25" s="168"/>
      <c r="H25" s="172"/>
    </row>
    <row r="26" spans="1:8" ht="18" customHeight="1">
      <c r="A26" s="166">
        <v>23</v>
      </c>
      <c r="B26" s="167"/>
      <c r="C26" s="168"/>
      <c r="D26" s="169"/>
      <c r="E26" s="170">
        <v>63</v>
      </c>
      <c r="F26" s="171"/>
      <c r="G26" s="168"/>
      <c r="H26" s="172"/>
    </row>
    <row r="27" spans="1:8" ht="18" customHeight="1">
      <c r="A27" s="166">
        <v>24</v>
      </c>
      <c r="B27" s="167"/>
      <c r="C27" s="168"/>
      <c r="D27" s="169"/>
      <c r="E27" s="170">
        <v>64</v>
      </c>
      <c r="F27" s="171"/>
      <c r="G27" s="168"/>
      <c r="H27" s="172"/>
    </row>
    <row r="28" spans="1:8" ht="18" customHeight="1">
      <c r="A28" s="166">
        <v>25</v>
      </c>
      <c r="B28" s="167"/>
      <c r="C28" s="168"/>
      <c r="D28" s="169"/>
      <c r="E28" s="170">
        <v>65</v>
      </c>
      <c r="F28" s="171"/>
      <c r="G28" s="168"/>
      <c r="H28" s="172"/>
    </row>
    <row r="29" spans="1:8" ht="18" customHeight="1">
      <c r="A29" s="166">
        <v>26</v>
      </c>
      <c r="B29" s="167"/>
      <c r="C29" s="168"/>
      <c r="D29" s="169"/>
      <c r="E29" s="170">
        <v>66</v>
      </c>
      <c r="F29" s="171"/>
      <c r="G29" s="168"/>
      <c r="H29" s="172"/>
    </row>
    <row r="30" spans="1:8" ht="18" customHeight="1">
      <c r="A30" s="166">
        <v>27</v>
      </c>
      <c r="B30" s="167"/>
      <c r="C30" s="168"/>
      <c r="D30" s="169"/>
      <c r="E30" s="170">
        <v>67</v>
      </c>
      <c r="F30" s="171"/>
      <c r="G30" s="168"/>
      <c r="H30" s="172"/>
    </row>
    <row r="31" spans="1:8" ht="18" customHeight="1">
      <c r="A31" s="166">
        <v>28</v>
      </c>
      <c r="B31" s="167"/>
      <c r="C31" s="168"/>
      <c r="D31" s="169"/>
      <c r="E31" s="170">
        <v>68</v>
      </c>
      <c r="F31" s="171"/>
      <c r="G31" s="168"/>
      <c r="H31" s="172"/>
    </row>
    <row r="32" spans="1:8" ht="18" customHeight="1">
      <c r="A32" s="166">
        <v>29</v>
      </c>
      <c r="B32" s="167"/>
      <c r="C32" s="168"/>
      <c r="D32" s="169"/>
      <c r="E32" s="170">
        <v>69</v>
      </c>
      <c r="F32" s="171"/>
      <c r="G32" s="168"/>
      <c r="H32" s="172"/>
    </row>
    <row r="33" spans="1:8" ht="18" customHeight="1">
      <c r="A33" s="166">
        <v>30</v>
      </c>
      <c r="B33" s="167"/>
      <c r="C33" s="168"/>
      <c r="D33" s="169"/>
      <c r="E33" s="170">
        <v>70</v>
      </c>
      <c r="F33" s="171"/>
      <c r="G33" s="168"/>
      <c r="H33" s="172"/>
    </row>
    <row r="34" spans="1:8" ht="18" customHeight="1">
      <c r="A34" s="166">
        <v>31</v>
      </c>
      <c r="B34" s="167"/>
      <c r="C34" s="168"/>
      <c r="D34" s="169"/>
      <c r="E34" s="170">
        <v>71</v>
      </c>
      <c r="F34" s="171"/>
      <c r="G34" s="168"/>
      <c r="H34" s="172"/>
    </row>
    <row r="35" spans="1:8" ht="18" customHeight="1">
      <c r="A35" s="166">
        <v>32</v>
      </c>
      <c r="B35" s="167"/>
      <c r="C35" s="168"/>
      <c r="D35" s="169"/>
      <c r="E35" s="170">
        <v>72</v>
      </c>
      <c r="F35" s="171"/>
      <c r="G35" s="168"/>
      <c r="H35" s="172"/>
    </row>
    <row r="36" spans="1:8" ht="18" customHeight="1">
      <c r="A36" s="166">
        <v>33</v>
      </c>
      <c r="B36" s="167"/>
      <c r="C36" s="168"/>
      <c r="D36" s="169"/>
      <c r="E36" s="170">
        <v>73</v>
      </c>
      <c r="F36" s="171"/>
      <c r="G36" s="168"/>
      <c r="H36" s="172"/>
    </row>
    <row r="37" spans="1:8" ht="18" customHeight="1">
      <c r="A37" s="166">
        <v>34</v>
      </c>
      <c r="B37" s="167"/>
      <c r="C37" s="168"/>
      <c r="D37" s="169"/>
      <c r="E37" s="170">
        <v>74</v>
      </c>
      <c r="F37" s="171"/>
      <c r="G37" s="168"/>
      <c r="H37" s="172"/>
    </row>
    <row r="38" spans="1:8" ht="18" customHeight="1">
      <c r="A38" s="166">
        <v>35</v>
      </c>
      <c r="B38" s="167"/>
      <c r="C38" s="168"/>
      <c r="D38" s="169"/>
      <c r="E38" s="170">
        <v>75</v>
      </c>
      <c r="F38" s="171"/>
      <c r="G38" s="168"/>
      <c r="H38" s="172"/>
    </row>
    <row r="39" spans="1:8" ht="18" customHeight="1">
      <c r="A39" s="166">
        <v>36</v>
      </c>
      <c r="B39" s="167"/>
      <c r="C39" s="168"/>
      <c r="D39" s="169"/>
      <c r="E39" s="170">
        <v>76</v>
      </c>
      <c r="F39" s="171"/>
      <c r="G39" s="168"/>
      <c r="H39" s="172"/>
    </row>
    <row r="40" spans="1:8" ht="18" customHeight="1">
      <c r="A40" s="166">
        <v>37</v>
      </c>
      <c r="B40" s="167"/>
      <c r="C40" s="168"/>
      <c r="D40" s="169"/>
      <c r="E40" s="170">
        <v>77</v>
      </c>
      <c r="F40" s="171"/>
      <c r="G40" s="168"/>
      <c r="H40" s="172"/>
    </row>
    <row r="41" spans="1:8" ht="18" customHeight="1">
      <c r="A41" s="166">
        <v>38</v>
      </c>
      <c r="B41" s="167"/>
      <c r="C41" s="168"/>
      <c r="D41" s="169"/>
      <c r="E41" s="170">
        <v>78</v>
      </c>
      <c r="F41" s="171"/>
      <c r="G41" s="168"/>
      <c r="H41" s="172"/>
    </row>
    <row r="42" spans="1:8" ht="18" customHeight="1">
      <c r="A42" s="166">
        <v>39</v>
      </c>
      <c r="B42" s="167"/>
      <c r="C42" s="168"/>
      <c r="D42" s="169"/>
      <c r="E42" s="170">
        <v>79</v>
      </c>
      <c r="F42" s="171"/>
      <c r="G42" s="168"/>
      <c r="H42" s="172"/>
    </row>
    <row r="43" spans="1:8" ht="18" customHeight="1">
      <c r="A43" s="173">
        <v>40</v>
      </c>
      <c r="B43" s="174"/>
      <c r="C43" s="175"/>
      <c r="D43" s="176"/>
      <c r="E43" s="177">
        <v>80</v>
      </c>
      <c r="F43" s="178"/>
      <c r="G43" s="175"/>
      <c r="H43" s="179"/>
    </row>
  </sheetData>
  <sheetProtection sheet="1" objects="1" scenarios="1" selectLockedCells="1"/>
  <phoneticPr fontId="1"/>
  <pageMargins left="0.98425196850393704" right="0.98425196850393704" top="0.78740157480314965" bottom="0.39370078740157483" header="0.31496062992125984" footer="0.19685039370078741"/>
  <pageSetup paperSize="9" orientation="portrait" horizontalDpi="300" verticalDpi="300"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H23"/>
  <sheetViews>
    <sheetView workbookViewId="0">
      <selection activeCell="C5" sqref="C5"/>
    </sheetView>
  </sheetViews>
  <sheetFormatPr defaultColWidth="9" defaultRowHeight="22.5" customHeight="1"/>
  <cols>
    <col min="1" max="2" width="6" style="42" bestFit="1" customWidth="1"/>
    <col min="3" max="8" width="11.46484375" style="42" customWidth="1"/>
    <col min="9" max="16384" width="9" style="42"/>
  </cols>
  <sheetData>
    <row r="1" spans="1:8" ht="22.5" customHeight="1">
      <c r="A1" s="180" t="s">
        <v>523</v>
      </c>
    </row>
    <row r="2" spans="1:8" ht="22.5" customHeight="1">
      <c r="A2" s="181" t="s">
        <v>518</v>
      </c>
    </row>
    <row r="3" spans="1:8" ht="22.5" customHeight="1">
      <c r="A3" s="314" t="s">
        <v>524</v>
      </c>
      <c r="B3" s="427" t="s">
        <v>525</v>
      </c>
      <c r="C3" s="314" t="s">
        <v>526</v>
      </c>
      <c r="D3" s="301"/>
      <c r="E3" s="442" t="s">
        <v>527</v>
      </c>
      <c r="F3" s="443"/>
      <c r="G3" s="314" t="s">
        <v>528</v>
      </c>
      <c r="H3" s="301"/>
    </row>
    <row r="4" spans="1:8" s="44" customFormat="1" ht="22.5" customHeight="1">
      <c r="A4" s="440"/>
      <c r="B4" s="441"/>
      <c r="C4" s="183" t="s">
        <v>529</v>
      </c>
      <c r="D4" s="184" t="s">
        <v>530</v>
      </c>
      <c r="E4" s="185" t="s">
        <v>531</v>
      </c>
      <c r="F4" s="182" t="s">
        <v>532</v>
      </c>
      <c r="G4" s="183" t="s">
        <v>533</v>
      </c>
      <c r="H4" s="184" t="s">
        <v>534</v>
      </c>
    </row>
    <row r="5" spans="1:8" ht="22.5" customHeight="1">
      <c r="A5" s="186" t="s">
        <v>535</v>
      </c>
      <c r="B5" s="187">
        <v>30</v>
      </c>
      <c r="C5" s="188"/>
      <c r="D5" s="189" t="str">
        <f t="shared" ref="D5:F17" si="0">IF(C5="","",ROUNDUP(C5/$B5,1))</f>
        <v/>
      </c>
      <c r="E5" s="190"/>
      <c r="F5" s="191" t="str">
        <f t="shared" si="0"/>
        <v/>
      </c>
      <c r="G5" s="192" t="str">
        <f t="shared" ref="G5:G16" si="1">IF(C5+E5=0,"",C5+E5)</f>
        <v/>
      </c>
      <c r="H5" s="189" t="str">
        <f t="shared" ref="H5:H17" si="2">IF(G5="","",ROUNDUP(G5/$B5,1))</f>
        <v/>
      </c>
    </row>
    <row r="6" spans="1:8" ht="22.5" customHeight="1">
      <c r="A6" s="193" t="s">
        <v>536</v>
      </c>
      <c r="B6" s="194">
        <v>31</v>
      </c>
      <c r="C6" s="195"/>
      <c r="D6" s="196" t="str">
        <f t="shared" si="0"/>
        <v/>
      </c>
      <c r="E6" s="197"/>
      <c r="F6" s="198" t="str">
        <f t="shared" si="0"/>
        <v/>
      </c>
      <c r="G6" s="199" t="str">
        <f t="shared" si="1"/>
        <v/>
      </c>
      <c r="H6" s="196" t="str">
        <f t="shared" si="2"/>
        <v/>
      </c>
    </row>
    <row r="7" spans="1:8" ht="22.5" customHeight="1">
      <c r="A7" s="193" t="s">
        <v>537</v>
      </c>
      <c r="B7" s="194">
        <v>30</v>
      </c>
      <c r="C7" s="195"/>
      <c r="D7" s="196" t="str">
        <f t="shared" si="0"/>
        <v/>
      </c>
      <c r="E7" s="197"/>
      <c r="F7" s="198" t="str">
        <f t="shared" si="0"/>
        <v/>
      </c>
      <c r="G7" s="199" t="str">
        <f t="shared" si="1"/>
        <v/>
      </c>
      <c r="H7" s="196" t="str">
        <f t="shared" si="2"/>
        <v/>
      </c>
    </row>
    <row r="8" spans="1:8" ht="22.5" customHeight="1">
      <c r="A8" s="193" t="s">
        <v>538</v>
      </c>
      <c r="B8" s="194">
        <v>31</v>
      </c>
      <c r="C8" s="195"/>
      <c r="D8" s="196" t="str">
        <f t="shared" si="0"/>
        <v/>
      </c>
      <c r="E8" s="197"/>
      <c r="F8" s="198" t="str">
        <f t="shared" si="0"/>
        <v/>
      </c>
      <c r="G8" s="199" t="str">
        <f t="shared" si="1"/>
        <v/>
      </c>
      <c r="H8" s="196" t="str">
        <f t="shared" si="2"/>
        <v/>
      </c>
    </row>
    <row r="9" spans="1:8" ht="22.5" customHeight="1">
      <c r="A9" s="193" t="s">
        <v>539</v>
      </c>
      <c r="B9" s="194">
        <v>31</v>
      </c>
      <c r="C9" s="195"/>
      <c r="D9" s="196" t="str">
        <f t="shared" si="0"/>
        <v/>
      </c>
      <c r="E9" s="197"/>
      <c r="F9" s="198" t="str">
        <f t="shared" si="0"/>
        <v/>
      </c>
      <c r="G9" s="199" t="str">
        <f t="shared" si="1"/>
        <v/>
      </c>
      <c r="H9" s="196" t="str">
        <f t="shared" si="2"/>
        <v/>
      </c>
    </row>
    <row r="10" spans="1:8" ht="22.5" customHeight="1">
      <c r="A10" s="193" t="s">
        <v>540</v>
      </c>
      <c r="B10" s="194">
        <v>30</v>
      </c>
      <c r="C10" s="195"/>
      <c r="D10" s="196" t="str">
        <f t="shared" si="0"/>
        <v/>
      </c>
      <c r="E10" s="197"/>
      <c r="F10" s="198" t="str">
        <f t="shared" si="0"/>
        <v/>
      </c>
      <c r="G10" s="199" t="str">
        <f t="shared" si="1"/>
        <v/>
      </c>
      <c r="H10" s="196" t="str">
        <f t="shared" si="2"/>
        <v/>
      </c>
    </row>
    <row r="11" spans="1:8" ht="22.5" customHeight="1">
      <c r="A11" s="193" t="s">
        <v>541</v>
      </c>
      <c r="B11" s="194">
        <v>31</v>
      </c>
      <c r="C11" s="195"/>
      <c r="D11" s="196" t="str">
        <f t="shared" si="0"/>
        <v/>
      </c>
      <c r="E11" s="197"/>
      <c r="F11" s="198" t="str">
        <f t="shared" si="0"/>
        <v/>
      </c>
      <c r="G11" s="199" t="str">
        <f t="shared" si="1"/>
        <v/>
      </c>
      <c r="H11" s="196" t="str">
        <f t="shared" si="2"/>
        <v/>
      </c>
    </row>
    <row r="12" spans="1:8" ht="22.5" customHeight="1">
      <c r="A12" s="193" t="s">
        <v>542</v>
      </c>
      <c r="B12" s="194">
        <v>30</v>
      </c>
      <c r="C12" s="195"/>
      <c r="D12" s="196" t="str">
        <f t="shared" si="0"/>
        <v/>
      </c>
      <c r="E12" s="197"/>
      <c r="F12" s="198" t="str">
        <f t="shared" si="0"/>
        <v/>
      </c>
      <c r="G12" s="199" t="str">
        <f t="shared" si="1"/>
        <v/>
      </c>
      <c r="H12" s="196" t="str">
        <f t="shared" si="2"/>
        <v/>
      </c>
    </row>
    <row r="13" spans="1:8" ht="22.5" customHeight="1">
      <c r="A13" s="193" t="s">
        <v>543</v>
      </c>
      <c r="B13" s="194">
        <v>31</v>
      </c>
      <c r="C13" s="195"/>
      <c r="D13" s="196" t="str">
        <f t="shared" si="0"/>
        <v/>
      </c>
      <c r="E13" s="197"/>
      <c r="F13" s="198" t="str">
        <f t="shared" si="0"/>
        <v/>
      </c>
      <c r="G13" s="199" t="str">
        <f t="shared" si="1"/>
        <v/>
      </c>
      <c r="H13" s="196" t="str">
        <f t="shared" si="2"/>
        <v/>
      </c>
    </row>
    <row r="14" spans="1:8" ht="22.5" customHeight="1">
      <c r="A14" s="193" t="s">
        <v>544</v>
      </c>
      <c r="B14" s="194">
        <v>31</v>
      </c>
      <c r="C14" s="195"/>
      <c r="D14" s="196" t="str">
        <f t="shared" si="0"/>
        <v/>
      </c>
      <c r="E14" s="197"/>
      <c r="F14" s="198" t="str">
        <f t="shared" si="0"/>
        <v/>
      </c>
      <c r="G14" s="199" t="str">
        <f t="shared" si="1"/>
        <v/>
      </c>
      <c r="H14" s="196" t="str">
        <f t="shared" si="2"/>
        <v/>
      </c>
    </row>
    <row r="15" spans="1:8" ht="22.5" customHeight="1">
      <c r="A15" s="193" t="s">
        <v>545</v>
      </c>
      <c r="B15" s="194">
        <v>28</v>
      </c>
      <c r="C15" s="195"/>
      <c r="D15" s="196" t="str">
        <f t="shared" si="0"/>
        <v/>
      </c>
      <c r="E15" s="197"/>
      <c r="F15" s="198" t="str">
        <f t="shared" si="0"/>
        <v/>
      </c>
      <c r="G15" s="199" t="str">
        <f t="shared" si="1"/>
        <v/>
      </c>
      <c r="H15" s="196" t="str">
        <f t="shared" si="2"/>
        <v/>
      </c>
    </row>
    <row r="16" spans="1:8" ht="22.5" customHeight="1">
      <c r="A16" s="200" t="s">
        <v>546</v>
      </c>
      <c r="B16" s="201">
        <v>31</v>
      </c>
      <c r="C16" s="202"/>
      <c r="D16" s="203" t="str">
        <f t="shared" si="0"/>
        <v/>
      </c>
      <c r="E16" s="204"/>
      <c r="F16" s="205" t="str">
        <f t="shared" si="0"/>
        <v/>
      </c>
      <c r="G16" s="206" t="str">
        <f t="shared" si="1"/>
        <v/>
      </c>
      <c r="H16" s="203" t="str">
        <f t="shared" si="2"/>
        <v/>
      </c>
    </row>
    <row r="17" spans="1:8" ht="22.5" customHeight="1">
      <c r="A17" s="207" t="s">
        <v>547</v>
      </c>
      <c r="B17" s="208">
        <f>SUM(B5:B16)</f>
        <v>365</v>
      </c>
      <c r="C17" s="209" t="str">
        <f>IF(SUM(C5:C16)=0,"",SUM(C5:C16))</f>
        <v/>
      </c>
      <c r="D17" s="210" t="str">
        <f t="shared" si="0"/>
        <v/>
      </c>
      <c r="E17" s="211" t="str">
        <f>IF(SUM(E5:E16)=0,"",SUM(E5:E16))</f>
        <v/>
      </c>
      <c r="F17" s="212" t="str">
        <f t="shared" si="0"/>
        <v/>
      </c>
      <c r="G17" s="209" t="str">
        <f>IF(SUM(G5:G16)=0,"",SUM(G5:G16))</f>
        <v/>
      </c>
      <c r="H17" s="210" t="str">
        <f t="shared" si="2"/>
        <v/>
      </c>
    </row>
    <row r="18" spans="1:8" ht="18" customHeight="1">
      <c r="A18" s="42" t="s">
        <v>548</v>
      </c>
    </row>
    <row r="19" spans="1:8" ht="18" customHeight="1">
      <c r="A19" s="42" t="s">
        <v>549</v>
      </c>
    </row>
    <row r="20" spans="1:8" ht="18" customHeight="1">
      <c r="A20" s="42" t="s">
        <v>550</v>
      </c>
    </row>
    <row r="21" spans="1:8" ht="18" customHeight="1">
      <c r="A21" s="42" t="s">
        <v>551</v>
      </c>
    </row>
    <row r="22" spans="1:8" ht="18" customHeight="1">
      <c r="A22" s="42" t="s">
        <v>552</v>
      </c>
    </row>
    <row r="23" spans="1:8" ht="18" customHeight="1"/>
  </sheetData>
  <sheetProtection sheet="1" objects="1" scenarios="1" selectLockedCells="1"/>
  <mergeCells count="5">
    <mergeCell ref="A3:A4"/>
    <mergeCell ref="B3:B4"/>
    <mergeCell ref="C3:D3"/>
    <mergeCell ref="E3:F3"/>
    <mergeCell ref="G3:H3"/>
  </mergeCells>
  <phoneticPr fontId="1"/>
  <pageMargins left="0.98425196850393704" right="0.98425196850393704" top="0.78740157480314965" bottom="0.78740157480314965" header="0.31496062992125984" footer="0.31496062992125984"/>
  <pageSetup paperSize="9" orientation="portrait" horizontalDpi="300" verticalDpi="300"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O28"/>
  <sheetViews>
    <sheetView zoomScaleNormal="100" zoomScaleSheetLayoutView="100" workbookViewId="0">
      <selection activeCell="A5" sqref="A5"/>
    </sheetView>
  </sheetViews>
  <sheetFormatPr defaultColWidth="9" defaultRowHeight="22.5" customHeight="1"/>
  <cols>
    <col min="1" max="1" width="13.46484375" style="67" customWidth="1"/>
    <col min="2" max="11" width="4.86328125" style="42" customWidth="1"/>
    <col min="12" max="14" width="6.46484375" style="42" customWidth="1"/>
    <col min="15" max="15" width="9" style="214"/>
    <col min="16" max="16384" width="9" style="42"/>
  </cols>
  <sheetData>
    <row r="1" spans="1:15" ht="22.5" customHeight="1">
      <c r="A1" s="213" t="s">
        <v>553</v>
      </c>
      <c r="O1" s="214" t="s">
        <v>180</v>
      </c>
    </row>
    <row r="2" spans="1:15" ht="22.5" customHeight="1">
      <c r="A2" s="151" t="s">
        <v>518</v>
      </c>
    </row>
    <row r="3" spans="1:15" ht="22.5" customHeight="1">
      <c r="A3" s="446" t="s">
        <v>554</v>
      </c>
      <c r="B3" s="448" t="s">
        <v>555</v>
      </c>
      <c r="C3" s="375"/>
      <c r="D3" s="375"/>
      <c r="E3" s="375"/>
      <c r="F3" s="375"/>
      <c r="G3" s="376"/>
      <c r="H3" s="449" t="s">
        <v>556</v>
      </c>
      <c r="I3" s="375"/>
      <c r="J3" s="450"/>
      <c r="K3" s="451" t="s">
        <v>557</v>
      </c>
      <c r="L3" s="453" t="s">
        <v>558</v>
      </c>
      <c r="M3" s="455" t="s">
        <v>559</v>
      </c>
      <c r="N3" s="444" t="s">
        <v>560</v>
      </c>
      <c r="O3" s="214" t="s">
        <v>178</v>
      </c>
    </row>
    <row r="4" spans="1:15" ht="22.5" customHeight="1">
      <c r="A4" s="447"/>
      <c r="B4" s="215" t="s">
        <v>114</v>
      </c>
      <c r="C4" s="216" t="s">
        <v>561</v>
      </c>
      <c r="D4" s="216" t="s">
        <v>116</v>
      </c>
      <c r="E4" s="216" t="s">
        <v>117</v>
      </c>
      <c r="F4" s="216" t="s">
        <v>562</v>
      </c>
      <c r="G4" s="217" t="s">
        <v>563</v>
      </c>
      <c r="H4" s="218" t="s">
        <v>564</v>
      </c>
      <c r="I4" s="216" t="s">
        <v>565</v>
      </c>
      <c r="J4" s="219" t="s">
        <v>566</v>
      </c>
      <c r="K4" s="452"/>
      <c r="L4" s="454"/>
      <c r="M4" s="456"/>
      <c r="N4" s="445"/>
    </row>
    <row r="5" spans="1:15" ht="22.5" customHeight="1">
      <c r="A5" s="220"/>
      <c r="B5" s="221" t="s">
        <v>179</v>
      </c>
      <c r="C5" s="222" t="s">
        <v>180</v>
      </c>
      <c r="D5" s="222" t="s">
        <v>180</v>
      </c>
      <c r="E5" s="222" t="s">
        <v>180</v>
      </c>
      <c r="F5" s="222" t="s">
        <v>180</v>
      </c>
      <c r="G5" s="223" t="s">
        <v>180</v>
      </c>
      <c r="H5" s="224" t="s">
        <v>180</v>
      </c>
      <c r="I5" s="222" t="s">
        <v>180</v>
      </c>
      <c r="J5" s="225" t="s">
        <v>180</v>
      </c>
      <c r="K5" s="226" t="s">
        <v>180</v>
      </c>
      <c r="L5" s="224" t="s">
        <v>180</v>
      </c>
      <c r="M5" s="223" t="s">
        <v>180</v>
      </c>
      <c r="N5" s="227" t="s">
        <v>180</v>
      </c>
    </row>
    <row r="6" spans="1:15" ht="22.5" customHeight="1">
      <c r="A6" s="228"/>
      <c r="B6" s="229" t="s">
        <v>180</v>
      </c>
      <c r="C6" s="230" t="s">
        <v>180</v>
      </c>
      <c r="D6" s="230" t="s">
        <v>180</v>
      </c>
      <c r="E6" s="230" t="s">
        <v>180</v>
      </c>
      <c r="F6" s="230" t="s">
        <v>180</v>
      </c>
      <c r="G6" s="231" t="s">
        <v>180</v>
      </c>
      <c r="H6" s="232" t="s">
        <v>180</v>
      </c>
      <c r="I6" s="230" t="s">
        <v>180</v>
      </c>
      <c r="J6" s="233" t="s">
        <v>180</v>
      </c>
      <c r="K6" s="234" t="s">
        <v>180</v>
      </c>
      <c r="L6" s="232" t="s">
        <v>180</v>
      </c>
      <c r="M6" s="231" t="s">
        <v>180</v>
      </c>
      <c r="N6" s="235" t="s">
        <v>180</v>
      </c>
    </row>
    <row r="7" spans="1:15" ht="22.5" customHeight="1">
      <c r="A7" s="228"/>
      <c r="B7" s="229" t="s">
        <v>180</v>
      </c>
      <c r="C7" s="230" t="s">
        <v>180</v>
      </c>
      <c r="D7" s="230" t="s">
        <v>180</v>
      </c>
      <c r="E7" s="230" t="s">
        <v>180</v>
      </c>
      <c r="F7" s="230" t="s">
        <v>180</v>
      </c>
      <c r="G7" s="231" t="s">
        <v>180</v>
      </c>
      <c r="H7" s="232" t="s">
        <v>180</v>
      </c>
      <c r="I7" s="230" t="s">
        <v>180</v>
      </c>
      <c r="J7" s="233" t="s">
        <v>180</v>
      </c>
      <c r="K7" s="234" t="s">
        <v>180</v>
      </c>
      <c r="L7" s="232" t="s">
        <v>180</v>
      </c>
      <c r="M7" s="231" t="s">
        <v>180</v>
      </c>
      <c r="N7" s="235" t="s">
        <v>180</v>
      </c>
    </row>
    <row r="8" spans="1:15" ht="22.5" customHeight="1">
      <c r="A8" s="228"/>
      <c r="B8" s="229" t="s">
        <v>180</v>
      </c>
      <c r="C8" s="230" t="s">
        <v>180</v>
      </c>
      <c r="D8" s="230" t="s">
        <v>180</v>
      </c>
      <c r="E8" s="230" t="s">
        <v>180</v>
      </c>
      <c r="F8" s="230" t="s">
        <v>180</v>
      </c>
      <c r="G8" s="231" t="s">
        <v>180</v>
      </c>
      <c r="H8" s="232" t="s">
        <v>180</v>
      </c>
      <c r="I8" s="230" t="s">
        <v>180</v>
      </c>
      <c r="J8" s="233" t="s">
        <v>180</v>
      </c>
      <c r="K8" s="234" t="s">
        <v>180</v>
      </c>
      <c r="L8" s="232" t="s">
        <v>180</v>
      </c>
      <c r="M8" s="231" t="s">
        <v>180</v>
      </c>
      <c r="N8" s="235" t="s">
        <v>180</v>
      </c>
    </row>
    <row r="9" spans="1:15" ht="22.5" customHeight="1">
      <c r="A9" s="228"/>
      <c r="B9" s="229" t="s">
        <v>180</v>
      </c>
      <c r="C9" s="230" t="s">
        <v>180</v>
      </c>
      <c r="D9" s="230" t="s">
        <v>180</v>
      </c>
      <c r="E9" s="230" t="s">
        <v>180</v>
      </c>
      <c r="F9" s="230" t="s">
        <v>180</v>
      </c>
      <c r="G9" s="231" t="s">
        <v>180</v>
      </c>
      <c r="H9" s="232" t="s">
        <v>180</v>
      </c>
      <c r="I9" s="230" t="s">
        <v>180</v>
      </c>
      <c r="J9" s="233" t="s">
        <v>180</v>
      </c>
      <c r="K9" s="234" t="s">
        <v>180</v>
      </c>
      <c r="L9" s="232" t="s">
        <v>180</v>
      </c>
      <c r="M9" s="231" t="s">
        <v>180</v>
      </c>
      <c r="N9" s="235" t="s">
        <v>180</v>
      </c>
    </row>
    <row r="10" spans="1:15" ht="22.5" customHeight="1">
      <c r="A10" s="228"/>
      <c r="B10" s="229" t="s">
        <v>180</v>
      </c>
      <c r="C10" s="230" t="s">
        <v>180</v>
      </c>
      <c r="D10" s="230" t="s">
        <v>180</v>
      </c>
      <c r="E10" s="230" t="s">
        <v>180</v>
      </c>
      <c r="F10" s="230" t="s">
        <v>180</v>
      </c>
      <c r="G10" s="231" t="s">
        <v>180</v>
      </c>
      <c r="H10" s="232" t="s">
        <v>180</v>
      </c>
      <c r="I10" s="230" t="s">
        <v>180</v>
      </c>
      <c r="J10" s="233" t="s">
        <v>180</v>
      </c>
      <c r="K10" s="234" t="s">
        <v>180</v>
      </c>
      <c r="L10" s="232" t="s">
        <v>180</v>
      </c>
      <c r="M10" s="231" t="s">
        <v>180</v>
      </c>
      <c r="N10" s="235" t="s">
        <v>180</v>
      </c>
    </row>
    <row r="11" spans="1:15" ht="22.5" customHeight="1">
      <c r="A11" s="228"/>
      <c r="B11" s="229" t="s">
        <v>180</v>
      </c>
      <c r="C11" s="230" t="s">
        <v>180</v>
      </c>
      <c r="D11" s="230" t="s">
        <v>180</v>
      </c>
      <c r="E11" s="230" t="s">
        <v>180</v>
      </c>
      <c r="F11" s="230" t="s">
        <v>180</v>
      </c>
      <c r="G11" s="231" t="s">
        <v>180</v>
      </c>
      <c r="H11" s="232" t="s">
        <v>180</v>
      </c>
      <c r="I11" s="230" t="s">
        <v>180</v>
      </c>
      <c r="J11" s="233" t="s">
        <v>180</v>
      </c>
      <c r="K11" s="234" t="s">
        <v>180</v>
      </c>
      <c r="L11" s="232" t="s">
        <v>180</v>
      </c>
      <c r="M11" s="231" t="s">
        <v>180</v>
      </c>
      <c r="N11" s="235" t="s">
        <v>180</v>
      </c>
    </row>
    <row r="12" spans="1:15" ht="22.5" customHeight="1">
      <c r="A12" s="228"/>
      <c r="B12" s="229" t="s">
        <v>180</v>
      </c>
      <c r="C12" s="230" t="s">
        <v>180</v>
      </c>
      <c r="D12" s="230" t="s">
        <v>180</v>
      </c>
      <c r="E12" s="230" t="s">
        <v>180</v>
      </c>
      <c r="F12" s="230" t="s">
        <v>180</v>
      </c>
      <c r="G12" s="231" t="s">
        <v>180</v>
      </c>
      <c r="H12" s="232" t="s">
        <v>180</v>
      </c>
      <c r="I12" s="230" t="s">
        <v>180</v>
      </c>
      <c r="J12" s="233" t="s">
        <v>180</v>
      </c>
      <c r="K12" s="234" t="s">
        <v>180</v>
      </c>
      <c r="L12" s="232" t="s">
        <v>180</v>
      </c>
      <c r="M12" s="231" t="s">
        <v>180</v>
      </c>
      <c r="N12" s="235" t="s">
        <v>180</v>
      </c>
    </row>
    <row r="13" spans="1:15" ht="22.5" customHeight="1">
      <c r="A13" s="228"/>
      <c r="B13" s="229" t="s">
        <v>180</v>
      </c>
      <c r="C13" s="230" t="s">
        <v>180</v>
      </c>
      <c r="D13" s="230" t="s">
        <v>180</v>
      </c>
      <c r="E13" s="230" t="s">
        <v>180</v>
      </c>
      <c r="F13" s="230" t="s">
        <v>180</v>
      </c>
      <c r="G13" s="231" t="s">
        <v>180</v>
      </c>
      <c r="H13" s="232" t="s">
        <v>180</v>
      </c>
      <c r="I13" s="230" t="s">
        <v>180</v>
      </c>
      <c r="J13" s="233" t="s">
        <v>180</v>
      </c>
      <c r="K13" s="234" t="s">
        <v>180</v>
      </c>
      <c r="L13" s="232" t="s">
        <v>180</v>
      </c>
      <c r="M13" s="231" t="s">
        <v>180</v>
      </c>
      <c r="N13" s="235" t="s">
        <v>180</v>
      </c>
    </row>
    <row r="14" spans="1:15" ht="22.5" customHeight="1">
      <c r="A14" s="228"/>
      <c r="B14" s="229" t="s">
        <v>180</v>
      </c>
      <c r="C14" s="230" t="s">
        <v>180</v>
      </c>
      <c r="D14" s="230" t="s">
        <v>180</v>
      </c>
      <c r="E14" s="230" t="s">
        <v>180</v>
      </c>
      <c r="F14" s="230" t="s">
        <v>180</v>
      </c>
      <c r="G14" s="231" t="s">
        <v>180</v>
      </c>
      <c r="H14" s="232" t="s">
        <v>180</v>
      </c>
      <c r="I14" s="230" t="s">
        <v>180</v>
      </c>
      <c r="J14" s="233" t="s">
        <v>180</v>
      </c>
      <c r="K14" s="234" t="s">
        <v>180</v>
      </c>
      <c r="L14" s="232" t="s">
        <v>180</v>
      </c>
      <c r="M14" s="231" t="s">
        <v>180</v>
      </c>
      <c r="N14" s="235" t="s">
        <v>180</v>
      </c>
    </row>
    <row r="15" spans="1:15" ht="22.5" customHeight="1">
      <c r="A15" s="228"/>
      <c r="B15" s="229" t="s">
        <v>180</v>
      </c>
      <c r="C15" s="230" t="s">
        <v>180</v>
      </c>
      <c r="D15" s="230" t="s">
        <v>180</v>
      </c>
      <c r="E15" s="230" t="s">
        <v>180</v>
      </c>
      <c r="F15" s="230" t="s">
        <v>180</v>
      </c>
      <c r="G15" s="231" t="s">
        <v>180</v>
      </c>
      <c r="H15" s="232" t="s">
        <v>180</v>
      </c>
      <c r="I15" s="230" t="s">
        <v>180</v>
      </c>
      <c r="J15" s="233" t="s">
        <v>180</v>
      </c>
      <c r="K15" s="234" t="s">
        <v>180</v>
      </c>
      <c r="L15" s="232" t="s">
        <v>180</v>
      </c>
      <c r="M15" s="231" t="s">
        <v>180</v>
      </c>
      <c r="N15" s="235" t="s">
        <v>180</v>
      </c>
    </row>
    <row r="16" spans="1:15" ht="22.5" customHeight="1">
      <c r="A16" s="228"/>
      <c r="B16" s="229" t="s">
        <v>180</v>
      </c>
      <c r="C16" s="230" t="s">
        <v>180</v>
      </c>
      <c r="D16" s="230" t="s">
        <v>180</v>
      </c>
      <c r="E16" s="230" t="s">
        <v>180</v>
      </c>
      <c r="F16" s="230" t="s">
        <v>180</v>
      </c>
      <c r="G16" s="231" t="s">
        <v>180</v>
      </c>
      <c r="H16" s="232" t="s">
        <v>180</v>
      </c>
      <c r="I16" s="230" t="s">
        <v>180</v>
      </c>
      <c r="J16" s="233" t="s">
        <v>180</v>
      </c>
      <c r="K16" s="234" t="s">
        <v>180</v>
      </c>
      <c r="L16" s="232" t="s">
        <v>180</v>
      </c>
      <c r="M16" s="231" t="s">
        <v>180</v>
      </c>
      <c r="N16" s="235" t="s">
        <v>180</v>
      </c>
    </row>
    <row r="17" spans="1:14" ht="22.5" customHeight="1">
      <c r="A17" s="228"/>
      <c r="B17" s="229" t="s">
        <v>180</v>
      </c>
      <c r="C17" s="230" t="s">
        <v>180</v>
      </c>
      <c r="D17" s="230" t="s">
        <v>180</v>
      </c>
      <c r="E17" s="230" t="s">
        <v>180</v>
      </c>
      <c r="F17" s="230" t="s">
        <v>180</v>
      </c>
      <c r="G17" s="231" t="s">
        <v>180</v>
      </c>
      <c r="H17" s="232" t="s">
        <v>180</v>
      </c>
      <c r="I17" s="230" t="s">
        <v>180</v>
      </c>
      <c r="J17" s="233" t="s">
        <v>180</v>
      </c>
      <c r="K17" s="234" t="s">
        <v>180</v>
      </c>
      <c r="L17" s="232" t="s">
        <v>180</v>
      </c>
      <c r="M17" s="231" t="s">
        <v>180</v>
      </c>
      <c r="N17" s="235" t="s">
        <v>180</v>
      </c>
    </row>
    <row r="18" spans="1:14" ht="22.5" customHeight="1">
      <c r="A18" s="228"/>
      <c r="B18" s="229" t="s">
        <v>180</v>
      </c>
      <c r="C18" s="230" t="s">
        <v>180</v>
      </c>
      <c r="D18" s="230" t="s">
        <v>180</v>
      </c>
      <c r="E18" s="230" t="s">
        <v>180</v>
      </c>
      <c r="F18" s="230" t="s">
        <v>180</v>
      </c>
      <c r="G18" s="231" t="s">
        <v>180</v>
      </c>
      <c r="H18" s="232" t="s">
        <v>180</v>
      </c>
      <c r="I18" s="230" t="s">
        <v>180</v>
      </c>
      <c r="J18" s="233" t="s">
        <v>180</v>
      </c>
      <c r="K18" s="234" t="s">
        <v>180</v>
      </c>
      <c r="L18" s="232" t="s">
        <v>180</v>
      </c>
      <c r="M18" s="231" t="s">
        <v>180</v>
      </c>
      <c r="N18" s="235" t="s">
        <v>180</v>
      </c>
    </row>
    <row r="19" spans="1:14" ht="22.5" customHeight="1">
      <c r="A19" s="228"/>
      <c r="B19" s="229" t="s">
        <v>180</v>
      </c>
      <c r="C19" s="230" t="s">
        <v>180</v>
      </c>
      <c r="D19" s="230" t="s">
        <v>180</v>
      </c>
      <c r="E19" s="230" t="s">
        <v>180</v>
      </c>
      <c r="F19" s="230" t="s">
        <v>180</v>
      </c>
      <c r="G19" s="231" t="s">
        <v>180</v>
      </c>
      <c r="H19" s="232" t="s">
        <v>180</v>
      </c>
      <c r="I19" s="230" t="s">
        <v>180</v>
      </c>
      <c r="J19" s="233" t="s">
        <v>180</v>
      </c>
      <c r="K19" s="234" t="s">
        <v>180</v>
      </c>
      <c r="L19" s="232" t="s">
        <v>180</v>
      </c>
      <c r="M19" s="231" t="s">
        <v>180</v>
      </c>
      <c r="N19" s="235" t="s">
        <v>180</v>
      </c>
    </row>
    <row r="20" spans="1:14" ht="22.5" customHeight="1">
      <c r="A20" s="228"/>
      <c r="B20" s="229" t="s">
        <v>180</v>
      </c>
      <c r="C20" s="230" t="s">
        <v>180</v>
      </c>
      <c r="D20" s="230" t="s">
        <v>180</v>
      </c>
      <c r="E20" s="230" t="s">
        <v>180</v>
      </c>
      <c r="F20" s="230" t="s">
        <v>180</v>
      </c>
      <c r="G20" s="231" t="s">
        <v>180</v>
      </c>
      <c r="H20" s="232" t="s">
        <v>180</v>
      </c>
      <c r="I20" s="230" t="s">
        <v>180</v>
      </c>
      <c r="J20" s="233" t="s">
        <v>180</v>
      </c>
      <c r="K20" s="234" t="s">
        <v>180</v>
      </c>
      <c r="L20" s="232" t="s">
        <v>180</v>
      </c>
      <c r="M20" s="231" t="s">
        <v>180</v>
      </c>
      <c r="N20" s="235" t="s">
        <v>180</v>
      </c>
    </row>
    <row r="21" spans="1:14" ht="22.5" customHeight="1">
      <c r="A21" s="228"/>
      <c r="B21" s="229" t="s">
        <v>180</v>
      </c>
      <c r="C21" s="230" t="s">
        <v>180</v>
      </c>
      <c r="D21" s="230" t="s">
        <v>180</v>
      </c>
      <c r="E21" s="230" t="s">
        <v>180</v>
      </c>
      <c r="F21" s="230" t="s">
        <v>180</v>
      </c>
      <c r="G21" s="231" t="s">
        <v>180</v>
      </c>
      <c r="H21" s="232" t="s">
        <v>180</v>
      </c>
      <c r="I21" s="230" t="s">
        <v>180</v>
      </c>
      <c r="J21" s="233" t="s">
        <v>180</v>
      </c>
      <c r="K21" s="234" t="s">
        <v>180</v>
      </c>
      <c r="L21" s="232" t="s">
        <v>180</v>
      </c>
      <c r="M21" s="231" t="s">
        <v>180</v>
      </c>
      <c r="N21" s="235" t="s">
        <v>180</v>
      </c>
    </row>
    <row r="22" spans="1:14" ht="22.5" customHeight="1">
      <c r="A22" s="228"/>
      <c r="B22" s="229" t="s">
        <v>180</v>
      </c>
      <c r="C22" s="230" t="s">
        <v>180</v>
      </c>
      <c r="D22" s="230" t="s">
        <v>180</v>
      </c>
      <c r="E22" s="230" t="s">
        <v>180</v>
      </c>
      <c r="F22" s="230" t="s">
        <v>180</v>
      </c>
      <c r="G22" s="231" t="s">
        <v>180</v>
      </c>
      <c r="H22" s="232" t="s">
        <v>180</v>
      </c>
      <c r="I22" s="230" t="s">
        <v>180</v>
      </c>
      <c r="J22" s="233" t="s">
        <v>180</v>
      </c>
      <c r="K22" s="234" t="s">
        <v>180</v>
      </c>
      <c r="L22" s="232" t="s">
        <v>180</v>
      </c>
      <c r="M22" s="231" t="s">
        <v>180</v>
      </c>
      <c r="N22" s="235" t="s">
        <v>180</v>
      </c>
    </row>
    <row r="23" spans="1:14" ht="22.5" customHeight="1">
      <c r="A23" s="228"/>
      <c r="B23" s="229" t="s">
        <v>180</v>
      </c>
      <c r="C23" s="230" t="s">
        <v>180</v>
      </c>
      <c r="D23" s="230" t="s">
        <v>180</v>
      </c>
      <c r="E23" s="230" t="s">
        <v>180</v>
      </c>
      <c r="F23" s="230" t="s">
        <v>180</v>
      </c>
      <c r="G23" s="231" t="s">
        <v>180</v>
      </c>
      <c r="H23" s="232" t="s">
        <v>180</v>
      </c>
      <c r="I23" s="230" t="s">
        <v>180</v>
      </c>
      <c r="J23" s="233" t="s">
        <v>180</v>
      </c>
      <c r="K23" s="234" t="s">
        <v>180</v>
      </c>
      <c r="L23" s="232" t="s">
        <v>180</v>
      </c>
      <c r="M23" s="231" t="s">
        <v>180</v>
      </c>
      <c r="N23" s="235" t="s">
        <v>180</v>
      </c>
    </row>
    <row r="24" spans="1:14" ht="22.5" customHeight="1">
      <c r="A24" s="228"/>
      <c r="B24" s="229" t="s">
        <v>180</v>
      </c>
      <c r="C24" s="230" t="s">
        <v>180</v>
      </c>
      <c r="D24" s="230" t="s">
        <v>180</v>
      </c>
      <c r="E24" s="230" t="s">
        <v>180</v>
      </c>
      <c r="F24" s="230" t="s">
        <v>180</v>
      </c>
      <c r="G24" s="231" t="s">
        <v>180</v>
      </c>
      <c r="H24" s="232" t="s">
        <v>180</v>
      </c>
      <c r="I24" s="230" t="s">
        <v>180</v>
      </c>
      <c r="J24" s="233" t="s">
        <v>180</v>
      </c>
      <c r="K24" s="234" t="s">
        <v>180</v>
      </c>
      <c r="L24" s="232" t="s">
        <v>180</v>
      </c>
      <c r="M24" s="231" t="s">
        <v>180</v>
      </c>
      <c r="N24" s="235" t="s">
        <v>180</v>
      </c>
    </row>
    <row r="25" spans="1:14" ht="22.5" customHeight="1">
      <c r="A25" s="228"/>
      <c r="B25" s="229" t="s">
        <v>180</v>
      </c>
      <c r="C25" s="230" t="s">
        <v>180</v>
      </c>
      <c r="D25" s="230" t="s">
        <v>180</v>
      </c>
      <c r="E25" s="230" t="s">
        <v>180</v>
      </c>
      <c r="F25" s="230" t="s">
        <v>180</v>
      </c>
      <c r="G25" s="231" t="s">
        <v>180</v>
      </c>
      <c r="H25" s="232" t="s">
        <v>180</v>
      </c>
      <c r="I25" s="230" t="s">
        <v>180</v>
      </c>
      <c r="J25" s="233" t="s">
        <v>180</v>
      </c>
      <c r="K25" s="234" t="s">
        <v>180</v>
      </c>
      <c r="L25" s="232" t="s">
        <v>180</v>
      </c>
      <c r="M25" s="231" t="s">
        <v>180</v>
      </c>
      <c r="N25" s="235" t="s">
        <v>180</v>
      </c>
    </row>
    <row r="26" spans="1:14" ht="22.5" customHeight="1">
      <c r="A26" s="228"/>
      <c r="B26" s="229" t="s">
        <v>180</v>
      </c>
      <c r="C26" s="230" t="s">
        <v>180</v>
      </c>
      <c r="D26" s="230" t="s">
        <v>180</v>
      </c>
      <c r="E26" s="230" t="s">
        <v>180</v>
      </c>
      <c r="F26" s="230" t="s">
        <v>180</v>
      </c>
      <c r="G26" s="231" t="s">
        <v>180</v>
      </c>
      <c r="H26" s="232" t="s">
        <v>180</v>
      </c>
      <c r="I26" s="230" t="s">
        <v>180</v>
      </c>
      <c r="J26" s="233" t="s">
        <v>180</v>
      </c>
      <c r="K26" s="234" t="s">
        <v>180</v>
      </c>
      <c r="L26" s="232" t="s">
        <v>180</v>
      </c>
      <c r="M26" s="231" t="s">
        <v>180</v>
      </c>
      <c r="N26" s="235" t="s">
        <v>180</v>
      </c>
    </row>
    <row r="27" spans="1:14" ht="22.5" customHeight="1">
      <c r="A27" s="228"/>
      <c r="B27" s="229" t="s">
        <v>180</v>
      </c>
      <c r="C27" s="230" t="s">
        <v>180</v>
      </c>
      <c r="D27" s="230" t="s">
        <v>180</v>
      </c>
      <c r="E27" s="230" t="s">
        <v>180</v>
      </c>
      <c r="F27" s="230" t="s">
        <v>180</v>
      </c>
      <c r="G27" s="231" t="s">
        <v>180</v>
      </c>
      <c r="H27" s="232" t="s">
        <v>180</v>
      </c>
      <c r="I27" s="230" t="s">
        <v>180</v>
      </c>
      <c r="J27" s="233" t="s">
        <v>180</v>
      </c>
      <c r="K27" s="234" t="s">
        <v>180</v>
      </c>
      <c r="L27" s="232" t="s">
        <v>180</v>
      </c>
      <c r="M27" s="231" t="s">
        <v>180</v>
      </c>
      <c r="N27" s="235" t="s">
        <v>180</v>
      </c>
    </row>
    <row r="28" spans="1:14" ht="22.5" customHeight="1">
      <c r="A28" s="236"/>
      <c r="B28" s="237" t="s">
        <v>180</v>
      </c>
      <c r="C28" s="238" t="s">
        <v>180</v>
      </c>
      <c r="D28" s="238" t="s">
        <v>180</v>
      </c>
      <c r="E28" s="238" t="s">
        <v>180</v>
      </c>
      <c r="F28" s="238" t="s">
        <v>180</v>
      </c>
      <c r="G28" s="239" t="s">
        <v>180</v>
      </c>
      <c r="H28" s="240" t="s">
        <v>180</v>
      </c>
      <c r="I28" s="238" t="s">
        <v>180</v>
      </c>
      <c r="J28" s="241" t="s">
        <v>180</v>
      </c>
      <c r="K28" s="242" t="s">
        <v>180</v>
      </c>
      <c r="L28" s="240" t="s">
        <v>180</v>
      </c>
      <c r="M28" s="239" t="s">
        <v>180</v>
      </c>
      <c r="N28" s="243" t="s">
        <v>180</v>
      </c>
    </row>
  </sheetData>
  <sheetProtection sheet="1" objects="1" scenarios="1" selectLockedCells="1"/>
  <mergeCells count="7">
    <mergeCell ref="N3:N4"/>
    <mergeCell ref="A3:A4"/>
    <mergeCell ref="B3:G3"/>
    <mergeCell ref="H3:J3"/>
    <mergeCell ref="K3:K4"/>
    <mergeCell ref="L3:L4"/>
    <mergeCell ref="M3:M4"/>
  </mergeCells>
  <phoneticPr fontId="1"/>
  <dataValidations count="1">
    <dataValidation type="list" allowBlank="1" showInputMessage="1" showErrorMessage="1" sqref="B5:N28" xr:uid="{0AA2BC87-1910-4423-B2CD-2A3567111C21}">
      <formula1>$O$1:$O$3</formula1>
    </dataValidation>
  </dataValidations>
  <pageMargins left="0.98425196850393704" right="0.98425196850393704" top="0.78740157480314965" bottom="0.78740157480314965" header="0.31496062992125984" footer="0.31496062992125984"/>
  <pageSetup paperSize="9" orientation="portrait" horizontalDpi="300" verticalDpi="300"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dimension ref="B1:AG61"/>
  <sheetViews>
    <sheetView topLeftCell="A32" workbookViewId="0">
      <selection activeCell="Y42" sqref="Y42:AA56"/>
    </sheetView>
  </sheetViews>
  <sheetFormatPr defaultColWidth="4.265625" defaultRowHeight="18" customHeight="1"/>
  <cols>
    <col min="1" max="1" width="4.265625" style="126"/>
    <col min="2" max="2" width="1.265625" style="126" customWidth="1"/>
    <col min="3" max="3" width="5.86328125" style="126" customWidth="1"/>
    <col min="4" max="8" width="3.46484375" style="126" customWidth="1"/>
    <col min="9" max="9" width="1.46484375" style="126" customWidth="1"/>
    <col min="10" max="10" width="5.86328125" style="126" customWidth="1"/>
    <col min="11" max="14" width="3.46484375" style="126" customWidth="1"/>
    <col min="15" max="15" width="1.46484375" style="126" customWidth="1"/>
    <col min="16" max="16" width="5.86328125" style="126" customWidth="1"/>
    <col min="17" max="18" width="3.46484375" style="126" customWidth="1"/>
    <col min="19" max="19" width="1.46484375" style="126" customWidth="1"/>
    <col min="20" max="20" width="5.86328125" style="126" customWidth="1"/>
    <col min="21" max="22" width="3.46484375" style="126" customWidth="1"/>
    <col min="23" max="25" width="1.46484375" style="126" customWidth="1"/>
    <col min="26" max="26" width="14.3984375" style="127" bestFit="1" customWidth="1"/>
    <col min="27" max="27" width="20.1328125" style="126" customWidth="1"/>
    <col min="28" max="31" width="4.265625" style="126"/>
    <col min="32" max="32" width="1.46484375" style="127" customWidth="1"/>
    <col min="33" max="16384" width="4.265625" style="126"/>
  </cols>
  <sheetData>
    <row r="1" spans="2:32" ht="18" customHeight="1">
      <c r="C1" s="127"/>
    </row>
    <row r="2" spans="2:32" ht="9.4">
      <c r="B2" s="128" t="s">
        <v>375</v>
      </c>
      <c r="C2" s="129"/>
      <c r="D2" s="130"/>
      <c r="E2" s="130"/>
      <c r="F2" s="130"/>
      <c r="G2" s="130"/>
      <c r="H2" s="130"/>
      <c r="I2" s="130"/>
      <c r="J2" s="130"/>
      <c r="K2" s="130"/>
      <c r="L2" s="130"/>
      <c r="M2" s="130"/>
      <c r="N2" s="130"/>
      <c r="O2" s="130"/>
      <c r="P2" s="130"/>
      <c r="Q2" s="130"/>
      <c r="R2" s="130"/>
      <c r="S2" s="130"/>
      <c r="T2" s="130"/>
      <c r="U2" s="130"/>
      <c r="V2" s="130"/>
      <c r="W2" s="131"/>
    </row>
    <row r="3" spans="2:32" ht="9.4">
      <c r="B3" s="132"/>
      <c r="C3" s="460" t="s">
        <v>376</v>
      </c>
      <c r="D3" s="460"/>
      <c r="E3" s="460"/>
      <c r="F3" s="460"/>
      <c r="G3" s="460"/>
      <c r="H3" s="460"/>
      <c r="I3" s="460"/>
      <c r="J3" s="460"/>
      <c r="K3" s="460"/>
      <c r="L3" s="460"/>
      <c r="M3" s="460"/>
      <c r="N3" s="460"/>
      <c r="O3" s="460"/>
      <c r="P3" s="460"/>
      <c r="Q3" s="460"/>
      <c r="R3" s="460"/>
      <c r="S3" s="460"/>
      <c r="T3" s="460"/>
      <c r="U3" s="460"/>
      <c r="V3" s="460"/>
      <c r="W3" s="461"/>
    </row>
    <row r="4" spans="2:32" ht="9.4">
      <c r="B4" s="132"/>
      <c r="C4" s="127" t="s">
        <v>377</v>
      </c>
      <c r="J4" s="127"/>
      <c r="P4" s="127"/>
      <c r="W4" s="133"/>
    </row>
    <row r="5" spans="2:32" ht="21" customHeight="1">
      <c r="B5" s="132"/>
      <c r="C5" s="146" t="s">
        <v>378</v>
      </c>
      <c r="J5" s="457" t="s">
        <v>385</v>
      </c>
      <c r="K5" s="457"/>
      <c r="L5" s="457"/>
      <c r="M5" s="457"/>
      <c r="N5" s="457"/>
      <c r="P5" s="146" t="s">
        <v>386</v>
      </c>
      <c r="W5" s="133"/>
    </row>
    <row r="6" spans="2:32" ht="38.25">
      <c r="B6" s="132"/>
      <c r="C6" s="134" t="s">
        <v>389</v>
      </c>
      <c r="D6" s="135" t="s">
        <v>0</v>
      </c>
      <c r="E6" s="135" t="s">
        <v>379</v>
      </c>
      <c r="F6" s="135" t="s">
        <v>18</v>
      </c>
      <c r="G6" s="135" t="s">
        <v>15</v>
      </c>
      <c r="H6" s="136" t="s">
        <v>381</v>
      </c>
      <c r="J6" s="134" t="s">
        <v>389</v>
      </c>
      <c r="K6" s="136" t="s">
        <v>382</v>
      </c>
      <c r="L6" s="136" t="s">
        <v>383</v>
      </c>
      <c r="M6" s="136" t="s">
        <v>384</v>
      </c>
      <c r="N6" s="135" t="s">
        <v>380</v>
      </c>
      <c r="O6" s="2"/>
      <c r="P6" s="134" t="s">
        <v>389</v>
      </c>
      <c r="Q6" s="136" t="s">
        <v>382</v>
      </c>
      <c r="R6" s="136" t="s">
        <v>383</v>
      </c>
      <c r="T6" s="134" t="s">
        <v>390</v>
      </c>
      <c r="U6" s="136" t="s">
        <v>384</v>
      </c>
      <c r="V6" s="135" t="s">
        <v>380</v>
      </c>
      <c r="W6" s="133"/>
    </row>
    <row r="7" spans="2:32" s="141" customFormat="1" ht="9.4">
      <c r="B7" s="142"/>
      <c r="C7" s="143"/>
      <c r="D7" s="143" t="s">
        <v>374</v>
      </c>
      <c r="E7" s="143" t="s">
        <v>374</v>
      </c>
      <c r="F7" s="143" t="s">
        <v>374</v>
      </c>
      <c r="G7" s="143" t="s">
        <v>374</v>
      </c>
      <c r="H7" s="143" t="s">
        <v>374</v>
      </c>
      <c r="J7" s="143"/>
      <c r="K7" s="143" t="s">
        <v>374</v>
      </c>
      <c r="L7" s="143" t="s">
        <v>374</v>
      </c>
      <c r="M7" s="143" t="s">
        <v>374</v>
      </c>
      <c r="N7" s="143" t="s">
        <v>374</v>
      </c>
      <c r="O7" s="2"/>
      <c r="P7" s="143"/>
      <c r="Q7" s="143" t="s">
        <v>374</v>
      </c>
      <c r="R7" s="143" t="s">
        <v>374</v>
      </c>
      <c r="T7" s="143"/>
      <c r="U7" s="143" t="s">
        <v>374</v>
      </c>
      <c r="V7" s="143" t="s">
        <v>374</v>
      </c>
      <c r="W7" s="144"/>
      <c r="Z7" s="127"/>
      <c r="AF7" s="127"/>
    </row>
    <row r="8" spans="2:32" ht="9.4">
      <c r="B8" s="132"/>
      <c r="C8" s="137">
        <v>20</v>
      </c>
      <c r="D8" s="137">
        <v>1</v>
      </c>
      <c r="E8" s="137">
        <v>1</v>
      </c>
      <c r="F8" s="137">
        <v>1</v>
      </c>
      <c r="G8" s="458" t="s">
        <v>388</v>
      </c>
      <c r="H8" s="458" t="s">
        <v>387</v>
      </c>
      <c r="J8" s="137">
        <v>20</v>
      </c>
      <c r="K8" s="137">
        <v>1</v>
      </c>
      <c r="L8" s="137">
        <v>0</v>
      </c>
      <c r="M8" s="137">
        <v>1</v>
      </c>
      <c r="N8" s="137">
        <v>1</v>
      </c>
      <c r="O8" s="2"/>
      <c r="P8" s="137">
        <v>20</v>
      </c>
      <c r="Q8" s="137">
        <v>0</v>
      </c>
      <c r="R8" s="137">
        <v>0</v>
      </c>
      <c r="T8" s="137">
        <v>20</v>
      </c>
      <c r="U8" s="137">
        <v>1</v>
      </c>
      <c r="V8" s="137">
        <v>1</v>
      </c>
      <c r="W8" s="133"/>
    </row>
    <row r="9" spans="2:32" ht="9.4">
      <c r="B9" s="132"/>
      <c r="C9" s="125">
        <v>30</v>
      </c>
      <c r="D9" s="125">
        <v>1</v>
      </c>
      <c r="E9" s="125">
        <v>1</v>
      </c>
      <c r="F9" s="125">
        <v>1</v>
      </c>
      <c r="G9" s="458"/>
      <c r="H9" s="458"/>
      <c r="J9" s="125">
        <v>30</v>
      </c>
      <c r="K9" s="125">
        <v>1</v>
      </c>
      <c r="L9" s="125">
        <v>0</v>
      </c>
      <c r="M9" s="125">
        <v>1</v>
      </c>
      <c r="N9" s="125">
        <v>1</v>
      </c>
      <c r="O9" s="2"/>
      <c r="P9" s="125">
        <v>30</v>
      </c>
      <c r="Q9" s="125">
        <v>0</v>
      </c>
      <c r="R9" s="125">
        <v>0</v>
      </c>
      <c r="T9" s="125">
        <v>30</v>
      </c>
      <c r="U9" s="125">
        <v>1</v>
      </c>
      <c r="V9" s="125">
        <v>1</v>
      </c>
      <c r="W9" s="133"/>
    </row>
    <row r="10" spans="2:32" ht="9.4">
      <c r="B10" s="132"/>
      <c r="C10" s="125">
        <v>40</v>
      </c>
      <c r="D10" s="125">
        <v>1</v>
      </c>
      <c r="E10" s="125">
        <v>1</v>
      </c>
      <c r="F10" s="125">
        <v>1</v>
      </c>
      <c r="G10" s="458"/>
      <c r="H10" s="458"/>
      <c r="J10" s="125">
        <v>40</v>
      </c>
      <c r="K10" s="125">
        <v>1</v>
      </c>
      <c r="L10" s="125">
        <v>1</v>
      </c>
      <c r="M10" s="125">
        <v>1</v>
      </c>
      <c r="N10" s="125">
        <v>2</v>
      </c>
      <c r="O10" s="2"/>
      <c r="P10" s="125">
        <v>40</v>
      </c>
      <c r="Q10" s="125">
        <v>1</v>
      </c>
      <c r="R10" s="125">
        <v>0</v>
      </c>
      <c r="T10" s="125">
        <v>40</v>
      </c>
      <c r="U10" s="125">
        <v>1</v>
      </c>
      <c r="V10" s="125">
        <v>2</v>
      </c>
      <c r="W10" s="133"/>
    </row>
    <row r="11" spans="2:32" ht="9.4">
      <c r="B11" s="132"/>
      <c r="C11" s="125">
        <v>50</v>
      </c>
      <c r="D11" s="125">
        <v>1</v>
      </c>
      <c r="E11" s="125">
        <v>1</v>
      </c>
      <c r="F11" s="125">
        <v>1</v>
      </c>
      <c r="G11" s="458"/>
      <c r="H11" s="458"/>
      <c r="J11" s="125">
        <v>50</v>
      </c>
      <c r="K11" s="125">
        <v>1</v>
      </c>
      <c r="L11" s="125">
        <v>1</v>
      </c>
      <c r="M11" s="125">
        <v>1</v>
      </c>
      <c r="N11" s="125">
        <v>3</v>
      </c>
      <c r="O11" s="2"/>
      <c r="P11" s="125">
        <v>50</v>
      </c>
      <c r="Q11" s="125">
        <v>1</v>
      </c>
      <c r="R11" s="125">
        <v>0</v>
      </c>
      <c r="T11" s="125">
        <v>50</v>
      </c>
      <c r="U11" s="125">
        <v>1</v>
      </c>
      <c r="V11" s="125">
        <v>3</v>
      </c>
      <c r="W11" s="133"/>
    </row>
    <row r="12" spans="2:32" ht="9.4">
      <c r="B12" s="132"/>
      <c r="C12" s="125">
        <v>60</v>
      </c>
      <c r="D12" s="125">
        <v>1</v>
      </c>
      <c r="E12" s="125">
        <v>1</v>
      </c>
      <c r="F12" s="125">
        <v>1</v>
      </c>
      <c r="G12" s="458"/>
      <c r="H12" s="458"/>
      <c r="J12" s="125">
        <v>60</v>
      </c>
      <c r="K12" s="125">
        <v>1</v>
      </c>
      <c r="L12" s="125">
        <v>1</v>
      </c>
      <c r="M12" s="125">
        <v>1</v>
      </c>
      <c r="N12" s="125">
        <v>3</v>
      </c>
      <c r="O12" s="2"/>
      <c r="P12" s="125">
        <v>60</v>
      </c>
      <c r="Q12" s="125">
        <v>1</v>
      </c>
      <c r="R12" s="125">
        <v>0</v>
      </c>
      <c r="T12" s="125">
        <v>60</v>
      </c>
      <c r="U12" s="125">
        <v>1</v>
      </c>
      <c r="V12" s="125">
        <v>3</v>
      </c>
      <c r="W12" s="133"/>
    </row>
    <row r="13" spans="2:32" ht="9.4">
      <c r="B13" s="132"/>
      <c r="C13" s="125">
        <v>70</v>
      </c>
      <c r="D13" s="125">
        <v>1</v>
      </c>
      <c r="E13" s="125">
        <v>1</v>
      </c>
      <c r="F13" s="125">
        <v>1</v>
      </c>
      <c r="G13" s="458"/>
      <c r="H13" s="458"/>
      <c r="J13" s="125">
        <v>70</v>
      </c>
      <c r="K13" s="125">
        <v>1</v>
      </c>
      <c r="L13" s="125">
        <v>2</v>
      </c>
      <c r="M13" s="125">
        <v>1</v>
      </c>
      <c r="N13" s="125">
        <v>4</v>
      </c>
      <c r="O13" s="2"/>
      <c r="P13" s="125">
        <v>70</v>
      </c>
      <c r="Q13" s="125">
        <v>1</v>
      </c>
      <c r="R13" s="125">
        <v>1</v>
      </c>
      <c r="T13" s="125">
        <v>70</v>
      </c>
      <c r="U13" s="125">
        <v>1</v>
      </c>
      <c r="V13" s="125">
        <v>4</v>
      </c>
      <c r="W13" s="133"/>
    </row>
    <row r="14" spans="2:32" ht="9.4">
      <c r="B14" s="132"/>
      <c r="C14" s="125">
        <v>80</v>
      </c>
      <c r="D14" s="125">
        <v>1</v>
      </c>
      <c r="E14" s="125">
        <v>1</v>
      </c>
      <c r="F14" s="125">
        <v>1</v>
      </c>
      <c r="G14" s="458"/>
      <c r="H14" s="458"/>
      <c r="J14" s="125">
        <v>80</v>
      </c>
      <c r="K14" s="125">
        <v>1</v>
      </c>
      <c r="L14" s="125">
        <v>2</v>
      </c>
      <c r="M14" s="125">
        <v>1</v>
      </c>
      <c r="N14" s="125">
        <v>5</v>
      </c>
      <c r="O14" s="2"/>
      <c r="P14" s="125">
        <v>80</v>
      </c>
      <c r="Q14" s="125">
        <v>1</v>
      </c>
      <c r="R14" s="125">
        <v>1</v>
      </c>
      <c r="T14" s="125">
        <v>80</v>
      </c>
      <c r="U14" s="125">
        <v>1</v>
      </c>
      <c r="V14" s="125">
        <v>5</v>
      </c>
      <c r="W14" s="133"/>
    </row>
    <row r="15" spans="2:32" ht="9.4">
      <c r="B15" s="132"/>
      <c r="C15" s="125">
        <v>90</v>
      </c>
      <c r="D15" s="125">
        <v>1</v>
      </c>
      <c r="E15" s="125">
        <v>1</v>
      </c>
      <c r="F15" s="125">
        <v>1</v>
      </c>
      <c r="G15" s="458"/>
      <c r="H15" s="458"/>
      <c r="J15" s="125">
        <v>90</v>
      </c>
      <c r="K15" s="125">
        <v>1</v>
      </c>
      <c r="L15" s="125">
        <v>2</v>
      </c>
      <c r="M15" s="125">
        <v>1</v>
      </c>
      <c r="N15" s="125">
        <v>5</v>
      </c>
      <c r="O15" s="2"/>
      <c r="P15" s="125">
        <v>90</v>
      </c>
      <c r="Q15" s="125">
        <v>1</v>
      </c>
      <c r="R15" s="125">
        <v>1</v>
      </c>
      <c r="T15" s="125">
        <v>90</v>
      </c>
      <c r="U15" s="125">
        <v>1</v>
      </c>
      <c r="V15" s="125">
        <v>5</v>
      </c>
      <c r="W15" s="133"/>
    </row>
    <row r="16" spans="2:32" ht="9.4">
      <c r="B16" s="132"/>
      <c r="C16" s="125">
        <v>100</v>
      </c>
      <c r="D16" s="125">
        <v>1</v>
      </c>
      <c r="E16" s="125">
        <v>1</v>
      </c>
      <c r="F16" s="125">
        <v>1</v>
      </c>
      <c r="G16" s="458"/>
      <c r="H16" s="458"/>
      <c r="J16" s="125">
        <v>100</v>
      </c>
      <c r="K16" s="125">
        <v>1</v>
      </c>
      <c r="L16" s="125">
        <v>3</v>
      </c>
      <c r="M16" s="125">
        <v>1</v>
      </c>
      <c r="N16" s="125">
        <v>6</v>
      </c>
      <c r="O16" s="2"/>
      <c r="P16" s="125">
        <v>100</v>
      </c>
      <c r="Q16" s="125">
        <v>1</v>
      </c>
      <c r="R16" s="125">
        <v>2</v>
      </c>
      <c r="T16" s="125">
        <v>100</v>
      </c>
      <c r="U16" s="125">
        <v>1</v>
      </c>
      <c r="V16" s="125">
        <v>6</v>
      </c>
      <c r="W16" s="133"/>
    </row>
    <row r="17" spans="2:23" ht="9.4">
      <c r="B17" s="132"/>
      <c r="C17" s="125">
        <v>110</v>
      </c>
      <c r="D17" s="125">
        <v>1</v>
      </c>
      <c r="E17" s="125">
        <v>2</v>
      </c>
      <c r="F17" s="125">
        <v>1</v>
      </c>
      <c r="G17" s="458"/>
      <c r="H17" s="458"/>
      <c r="J17" s="125">
        <v>110</v>
      </c>
      <c r="K17" s="125">
        <v>2</v>
      </c>
      <c r="L17" s="125">
        <v>2</v>
      </c>
      <c r="M17" s="125">
        <v>1</v>
      </c>
      <c r="N17" s="125">
        <v>7</v>
      </c>
      <c r="O17" s="2"/>
      <c r="P17" s="125">
        <v>110</v>
      </c>
      <c r="Q17" s="125">
        <v>2</v>
      </c>
      <c r="R17" s="125">
        <v>1</v>
      </c>
      <c r="T17" s="125">
        <v>110</v>
      </c>
      <c r="U17" s="125">
        <v>1</v>
      </c>
      <c r="V17" s="125">
        <v>7</v>
      </c>
      <c r="W17" s="133"/>
    </row>
    <row r="18" spans="2:23" ht="9.4">
      <c r="B18" s="132"/>
      <c r="C18" s="125">
        <v>120</v>
      </c>
      <c r="D18" s="125">
        <v>1</v>
      </c>
      <c r="E18" s="125">
        <v>2</v>
      </c>
      <c r="F18" s="125">
        <v>1</v>
      </c>
      <c r="G18" s="458"/>
      <c r="H18" s="458"/>
      <c r="J18" s="125">
        <v>120</v>
      </c>
      <c r="K18" s="125">
        <v>2</v>
      </c>
      <c r="L18" s="125">
        <v>2</v>
      </c>
      <c r="M18" s="125">
        <v>1</v>
      </c>
      <c r="N18" s="125">
        <v>7</v>
      </c>
      <c r="O18" s="2"/>
      <c r="P18" s="125">
        <v>120</v>
      </c>
      <c r="Q18" s="125">
        <v>2</v>
      </c>
      <c r="R18" s="125">
        <v>1</v>
      </c>
      <c r="T18" s="125">
        <v>120</v>
      </c>
      <c r="U18" s="125">
        <v>1</v>
      </c>
      <c r="V18" s="125">
        <v>7</v>
      </c>
      <c r="W18" s="133"/>
    </row>
    <row r="19" spans="2:23" ht="9.4">
      <c r="B19" s="132"/>
      <c r="C19" s="125">
        <v>130</v>
      </c>
      <c r="D19" s="125">
        <v>1</v>
      </c>
      <c r="E19" s="125">
        <v>2</v>
      </c>
      <c r="F19" s="125">
        <v>1</v>
      </c>
      <c r="G19" s="458"/>
      <c r="H19" s="458"/>
      <c r="J19" s="125">
        <v>130</v>
      </c>
      <c r="K19" s="125">
        <v>2</v>
      </c>
      <c r="L19" s="125">
        <v>3</v>
      </c>
      <c r="M19" s="125">
        <v>1</v>
      </c>
      <c r="N19" s="125">
        <v>8</v>
      </c>
      <c r="O19" s="2"/>
      <c r="P19" s="125">
        <v>130</v>
      </c>
      <c r="Q19" s="125">
        <v>2</v>
      </c>
      <c r="R19" s="125">
        <v>2</v>
      </c>
      <c r="T19" s="125">
        <v>130</v>
      </c>
      <c r="U19" s="125">
        <v>1</v>
      </c>
      <c r="V19" s="125">
        <v>8</v>
      </c>
      <c r="W19" s="133"/>
    </row>
    <row r="20" spans="2:23" ht="9.4">
      <c r="B20" s="132"/>
      <c r="C20" s="125">
        <v>140</v>
      </c>
      <c r="D20" s="125">
        <v>1</v>
      </c>
      <c r="E20" s="125">
        <v>2</v>
      </c>
      <c r="F20" s="125">
        <v>1</v>
      </c>
      <c r="G20" s="458"/>
      <c r="H20" s="458"/>
      <c r="J20" s="125">
        <v>140</v>
      </c>
      <c r="K20" s="125">
        <v>2</v>
      </c>
      <c r="L20" s="125">
        <v>3</v>
      </c>
      <c r="M20" s="125">
        <v>1</v>
      </c>
      <c r="N20" s="125">
        <v>9</v>
      </c>
      <c r="O20" s="2"/>
      <c r="P20" s="125">
        <v>140</v>
      </c>
      <c r="Q20" s="125">
        <v>2</v>
      </c>
      <c r="R20" s="125">
        <v>2</v>
      </c>
      <c r="T20" s="125">
        <v>140</v>
      </c>
      <c r="U20" s="125">
        <v>1</v>
      </c>
      <c r="V20" s="125">
        <v>9</v>
      </c>
      <c r="W20" s="133"/>
    </row>
    <row r="21" spans="2:23" ht="9.4">
      <c r="B21" s="132"/>
      <c r="C21" s="125">
        <v>150</v>
      </c>
      <c r="D21" s="125">
        <v>1</v>
      </c>
      <c r="E21" s="125">
        <v>2</v>
      </c>
      <c r="F21" s="125">
        <v>1</v>
      </c>
      <c r="G21" s="458"/>
      <c r="H21" s="458"/>
      <c r="J21" s="125">
        <v>150</v>
      </c>
      <c r="K21" s="125">
        <v>2</v>
      </c>
      <c r="L21" s="125">
        <v>3</v>
      </c>
      <c r="M21" s="125">
        <v>1</v>
      </c>
      <c r="N21" s="125">
        <v>9</v>
      </c>
      <c r="O21" s="2"/>
      <c r="P21" s="125">
        <v>150</v>
      </c>
      <c r="Q21" s="125">
        <v>2</v>
      </c>
      <c r="R21" s="125">
        <v>2</v>
      </c>
      <c r="T21" s="125">
        <v>150</v>
      </c>
      <c r="U21" s="125">
        <v>1</v>
      </c>
      <c r="V21" s="125">
        <v>9</v>
      </c>
      <c r="W21" s="133"/>
    </row>
    <row r="22" spans="2:23" ht="9.4">
      <c r="B22" s="132"/>
      <c r="C22" s="125">
        <v>160</v>
      </c>
      <c r="D22" s="125">
        <v>1</v>
      </c>
      <c r="E22" s="125">
        <v>2</v>
      </c>
      <c r="F22" s="125">
        <v>1</v>
      </c>
      <c r="G22" s="458"/>
      <c r="H22" s="458"/>
      <c r="J22" s="125">
        <v>160</v>
      </c>
      <c r="K22" s="125">
        <v>2</v>
      </c>
      <c r="L22" s="125">
        <v>4</v>
      </c>
      <c r="M22" s="125">
        <v>1</v>
      </c>
      <c r="N22" s="125">
        <v>10</v>
      </c>
      <c r="O22" s="2"/>
      <c r="P22" s="125">
        <v>160</v>
      </c>
      <c r="Q22" s="125">
        <v>2</v>
      </c>
      <c r="R22" s="125">
        <v>3</v>
      </c>
      <c r="T22" s="125">
        <v>160</v>
      </c>
      <c r="U22" s="125">
        <v>1</v>
      </c>
      <c r="V22" s="125">
        <v>10</v>
      </c>
      <c r="W22" s="133"/>
    </row>
    <row r="23" spans="2:23" ht="9.4">
      <c r="B23" s="132"/>
      <c r="C23" s="125">
        <v>170</v>
      </c>
      <c r="D23" s="125">
        <v>1</v>
      </c>
      <c r="E23" s="125">
        <v>2</v>
      </c>
      <c r="F23" s="125">
        <v>1</v>
      </c>
      <c r="G23" s="458"/>
      <c r="H23" s="458"/>
      <c r="J23" s="125">
        <v>170</v>
      </c>
      <c r="K23" s="125">
        <v>2</v>
      </c>
      <c r="L23" s="125">
        <v>4</v>
      </c>
      <c r="M23" s="125">
        <v>1</v>
      </c>
      <c r="N23" s="125">
        <v>11</v>
      </c>
      <c r="O23" s="2"/>
      <c r="P23" s="125">
        <v>170</v>
      </c>
      <c r="Q23" s="125">
        <v>2</v>
      </c>
      <c r="R23" s="125">
        <v>3</v>
      </c>
      <c r="T23" s="125">
        <v>170</v>
      </c>
      <c r="U23" s="125">
        <v>1</v>
      </c>
      <c r="V23" s="125">
        <v>11</v>
      </c>
      <c r="W23" s="133"/>
    </row>
    <row r="24" spans="2:23" ht="9.4">
      <c r="B24" s="132"/>
      <c r="C24" s="125">
        <v>180</v>
      </c>
      <c r="D24" s="125">
        <v>1</v>
      </c>
      <c r="E24" s="125">
        <v>2</v>
      </c>
      <c r="F24" s="125">
        <v>1</v>
      </c>
      <c r="G24" s="458"/>
      <c r="H24" s="458"/>
      <c r="J24" s="125">
        <v>180</v>
      </c>
      <c r="K24" s="125">
        <v>2</v>
      </c>
      <c r="L24" s="125">
        <v>4</v>
      </c>
      <c r="M24" s="125">
        <v>1</v>
      </c>
      <c r="N24" s="125">
        <v>11</v>
      </c>
      <c r="O24" s="2"/>
      <c r="P24" s="125">
        <v>180</v>
      </c>
      <c r="Q24" s="125">
        <v>2</v>
      </c>
      <c r="R24" s="125">
        <v>3</v>
      </c>
      <c r="T24" s="125">
        <v>180</v>
      </c>
      <c r="U24" s="125">
        <v>1</v>
      </c>
      <c r="V24" s="125">
        <v>11</v>
      </c>
      <c r="W24" s="133"/>
    </row>
    <row r="25" spans="2:23" ht="9.4">
      <c r="B25" s="132"/>
      <c r="C25" s="125">
        <v>190</v>
      </c>
      <c r="D25" s="125">
        <v>1</v>
      </c>
      <c r="E25" s="125">
        <v>2</v>
      </c>
      <c r="F25" s="125">
        <v>1</v>
      </c>
      <c r="G25" s="458"/>
      <c r="H25" s="458"/>
      <c r="J25" s="125">
        <v>190</v>
      </c>
      <c r="K25" s="125">
        <v>2</v>
      </c>
      <c r="L25" s="125">
        <v>5</v>
      </c>
      <c r="M25" s="125">
        <v>1</v>
      </c>
      <c r="N25" s="125">
        <v>12</v>
      </c>
      <c r="O25" s="2"/>
      <c r="P25" s="125">
        <v>190</v>
      </c>
      <c r="Q25" s="125">
        <v>2</v>
      </c>
      <c r="R25" s="125">
        <v>4</v>
      </c>
      <c r="T25" s="125">
        <v>190</v>
      </c>
      <c r="U25" s="125">
        <v>1</v>
      </c>
      <c r="V25" s="125">
        <v>12</v>
      </c>
      <c r="W25" s="133"/>
    </row>
    <row r="26" spans="2:23" ht="9.4">
      <c r="B26" s="132"/>
      <c r="C26" s="125">
        <v>200</v>
      </c>
      <c r="D26" s="125">
        <v>1</v>
      </c>
      <c r="E26" s="125">
        <v>2</v>
      </c>
      <c r="F26" s="125">
        <v>1</v>
      </c>
      <c r="G26" s="458"/>
      <c r="H26" s="458"/>
      <c r="J26" s="125">
        <v>200</v>
      </c>
      <c r="K26" s="125">
        <v>2</v>
      </c>
      <c r="L26" s="125">
        <v>5</v>
      </c>
      <c r="M26" s="125">
        <v>1</v>
      </c>
      <c r="N26" s="125">
        <v>13</v>
      </c>
      <c r="O26" s="2"/>
      <c r="P26" s="125">
        <v>200</v>
      </c>
      <c r="Q26" s="125">
        <v>2</v>
      </c>
      <c r="R26" s="125">
        <v>4</v>
      </c>
      <c r="T26" s="125">
        <v>200</v>
      </c>
      <c r="U26" s="125">
        <v>1</v>
      </c>
      <c r="V26" s="125">
        <v>13</v>
      </c>
      <c r="W26" s="133"/>
    </row>
    <row r="27" spans="2:23" ht="9.4">
      <c r="B27" s="132"/>
      <c r="C27" s="125">
        <v>210</v>
      </c>
      <c r="D27" s="125">
        <v>1</v>
      </c>
      <c r="E27" s="125">
        <v>3</v>
      </c>
      <c r="F27" s="125">
        <v>1</v>
      </c>
      <c r="G27" s="458"/>
      <c r="H27" s="458"/>
      <c r="J27" s="125">
        <v>210</v>
      </c>
      <c r="K27" s="125">
        <v>3</v>
      </c>
      <c r="L27" s="125">
        <v>4</v>
      </c>
      <c r="M27" s="125">
        <v>1</v>
      </c>
      <c r="N27" s="125">
        <v>13</v>
      </c>
      <c r="O27" s="2"/>
      <c r="P27" s="125">
        <v>210</v>
      </c>
      <c r="Q27" s="125">
        <v>3</v>
      </c>
      <c r="R27" s="125">
        <v>3</v>
      </c>
      <c r="T27" s="125">
        <v>210</v>
      </c>
      <c r="U27" s="125">
        <v>1</v>
      </c>
      <c r="V27" s="125">
        <v>13</v>
      </c>
      <c r="W27" s="133"/>
    </row>
    <row r="28" spans="2:23" ht="9.4">
      <c r="B28" s="132"/>
      <c r="C28" s="125">
        <v>220</v>
      </c>
      <c r="D28" s="125">
        <v>1</v>
      </c>
      <c r="E28" s="125">
        <v>3</v>
      </c>
      <c r="F28" s="125">
        <v>1</v>
      </c>
      <c r="G28" s="458"/>
      <c r="H28" s="458"/>
      <c r="J28" s="125">
        <v>220</v>
      </c>
      <c r="K28" s="125">
        <v>3</v>
      </c>
      <c r="L28" s="125">
        <v>5</v>
      </c>
      <c r="M28" s="125">
        <v>1</v>
      </c>
      <c r="N28" s="125">
        <v>14</v>
      </c>
      <c r="O28" s="2"/>
      <c r="P28" s="125">
        <v>220</v>
      </c>
      <c r="Q28" s="125">
        <v>3</v>
      </c>
      <c r="R28" s="125">
        <v>4</v>
      </c>
      <c r="T28" s="125">
        <v>220</v>
      </c>
      <c r="U28" s="125">
        <v>1</v>
      </c>
      <c r="V28" s="125">
        <v>14</v>
      </c>
      <c r="W28" s="133"/>
    </row>
    <row r="29" spans="2:23" ht="9.4">
      <c r="B29" s="132"/>
      <c r="C29" s="125">
        <v>230</v>
      </c>
      <c r="D29" s="125">
        <v>1</v>
      </c>
      <c r="E29" s="125">
        <v>3</v>
      </c>
      <c r="F29" s="125">
        <v>1</v>
      </c>
      <c r="G29" s="458"/>
      <c r="H29" s="458"/>
      <c r="J29" s="125">
        <v>230</v>
      </c>
      <c r="K29" s="125">
        <v>3</v>
      </c>
      <c r="L29" s="125">
        <v>5</v>
      </c>
      <c r="M29" s="125">
        <v>1</v>
      </c>
      <c r="N29" s="125">
        <v>15</v>
      </c>
      <c r="O29" s="2"/>
      <c r="P29" s="125">
        <v>230</v>
      </c>
      <c r="Q29" s="125">
        <v>3</v>
      </c>
      <c r="R29" s="125">
        <v>4</v>
      </c>
      <c r="T29" s="125">
        <v>230</v>
      </c>
      <c r="U29" s="125">
        <v>1</v>
      </c>
      <c r="V29" s="125">
        <v>15</v>
      </c>
      <c r="W29" s="133"/>
    </row>
    <row r="30" spans="2:23" ht="9.4">
      <c r="B30" s="132"/>
      <c r="C30" s="125">
        <v>240</v>
      </c>
      <c r="D30" s="125">
        <v>1</v>
      </c>
      <c r="E30" s="125">
        <v>3</v>
      </c>
      <c r="F30" s="125">
        <v>1</v>
      </c>
      <c r="G30" s="458"/>
      <c r="H30" s="458"/>
      <c r="J30" s="125">
        <v>240</v>
      </c>
      <c r="K30" s="125">
        <v>3</v>
      </c>
      <c r="L30" s="125">
        <v>5</v>
      </c>
      <c r="M30" s="125">
        <v>1</v>
      </c>
      <c r="N30" s="125">
        <v>15</v>
      </c>
      <c r="O30" s="2"/>
      <c r="P30" s="125">
        <v>240</v>
      </c>
      <c r="Q30" s="125">
        <v>3</v>
      </c>
      <c r="R30" s="125">
        <v>4</v>
      </c>
      <c r="T30" s="125">
        <v>240</v>
      </c>
      <c r="U30" s="125">
        <v>1</v>
      </c>
      <c r="V30" s="125">
        <v>15</v>
      </c>
      <c r="W30" s="133"/>
    </row>
    <row r="31" spans="2:23" ht="9.4">
      <c r="B31" s="132"/>
      <c r="C31" s="125">
        <v>250</v>
      </c>
      <c r="D31" s="125">
        <v>1</v>
      </c>
      <c r="E31" s="125">
        <v>3</v>
      </c>
      <c r="F31" s="125">
        <v>1</v>
      </c>
      <c r="G31" s="458"/>
      <c r="H31" s="458"/>
      <c r="J31" s="125">
        <v>250</v>
      </c>
      <c r="K31" s="125">
        <v>3</v>
      </c>
      <c r="L31" s="125">
        <v>6</v>
      </c>
      <c r="M31" s="125">
        <v>1</v>
      </c>
      <c r="N31" s="125">
        <v>1</v>
      </c>
      <c r="O31" s="2"/>
      <c r="P31" s="125">
        <v>250</v>
      </c>
      <c r="Q31" s="125">
        <v>3</v>
      </c>
      <c r="R31" s="125">
        <v>5</v>
      </c>
      <c r="T31" s="125">
        <v>250</v>
      </c>
      <c r="U31" s="125">
        <v>1</v>
      </c>
      <c r="V31" s="125">
        <v>16</v>
      </c>
      <c r="W31" s="133"/>
    </row>
    <row r="32" spans="2:23" ht="9.4">
      <c r="B32" s="132"/>
      <c r="C32" s="125">
        <v>260</v>
      </c>
      <c r="D32" s="125">
        <v>1</v>
      </c>
      <c r="E32" s="125">
        <v>3</v>
      </c>
      <c r="F32" s="125">
        <v>1</v>
      </c>
      <c r="G32" s="458"/>
      <c r="H32" s="458"/>
      <c r="J32" s="125">
        <v>260</v>
      </c>
      <c r="K32" s="125">
        <v>3</v>
      </c>
      <c r="L32" s="125">
        <v>6</v>
      </c>
      <c r="M32" s="125">
        <v>1</v>
      </c>
      <c r="N32" s="125">
        <v>17</v>
      </c>
      <c r="O32" s="2"/>
      <c r="P32" s="125">
        <v>260</v>
      </c>
      <c r="Q32" s="125">
        <v>3</v>
      </c>
      <c r="R32" s="125">
        <v>5</v>
      </c>
      <c r="T32" s="125">
        <v>260</v>
      </c>
      <c r="U32" s="125">
        <v>1</v>
      </c>
      <c r="V32" s="125">
        <v>17</v>
      </c>
      <c r="W32" s="133"/>
    </row>
    <row r="33" spans="2:27" ht="9.4">
      <c r="B33" s="132"/>
      <c r="C33" s="125">
        <v>270</v>
      </c>
      <c r="D33" s="125">
        <v>1</v>
      </c>
      <c r="E33" s="125">
        <v>3</v>
      </c>
      <c r="F33" s="125">
        <v>1</v>
      </c>
      <c r="G33" s="458"/>
      <c r="H33" s="458"/>
      <c r="J33" s="125">
        <v>270</v>
      </c>
      <c r="K33" s="125">
        <v>3</v>
      </c>
      <c r="L33" s="125">
        <v>6</v>
      </c>
      <c r="M33" s="125">
        <v>1</v>
      </c>
      <c r="N33" s="125">
        <v>17</v>
      </c>
      <c r="O33" s="2"/>
      <c r="P33" s="125">
        <v>270</v>
      </c>
      <c r="Q33" s="125">
        <v>3</v>
      </c>
      <c r="R33" s="125">
        <v>5</v>
      </c>
      <c r="T33" s="125">
        <v>270</v>
      </c>
      <c r="U33" s="125">
        <v>1</v>
      </c>
      <c r="V33" s="125">
        <v>17</v>
      </c>
      <c r="W33" s="133"/>
    </row>
    <row r="34" spans="2:27" ht="9.4">
      <c r="B34" s="132"/>
      <c r="C34" s="125">
        <v>280</v>
      </c>
      <c r="D34" s="125">
        <v>1</v>
      </c>
      <c r="E34" s="125">
        <v>3</v>
      </c>
      <c r="F34" s="125">
        <v>1</v>
      </c>
      <c r="G34" s="458"/>
      <c r="H34" s="458"/>
      <c r="J34" s="125">
        <v>280</v>
      </c>
      <c r="K34" s="125">
        <v>3</v>
      </c>
      <c r="L34" s="125">
        <v>7</v>
      </c>
      <c r="M34" s="125">
        <v>1</v>
      </c>
      <c r="N34" s="125">
        <v>18</v>
      </c>
      <c r="O34" s="2"/>
      <c r="P34" s="125">
        <v>280</v>
      </c>
      <c r="Q34" s="125">
        <v>3</v>
      </c>
      <c r="R34" s="125">
        <v>6</v>
      </c>
      <c r="T34" s="125">
        <v>280</v>
      </c>
      <c r="U34" s="125">
        <v>1</v>
      </c>
      <c r="V34" s="125">
        <v>18</v>
      </c>
      <c r="W34" s="133"/>
    </row>
    <row r="35" spans="2:27" ht="9.4">
      <c r="B35" s="132"/>
      <c r="C35" s="125">
        <v>290</v>
      </c>
      <c r="D35" s="125">
        <v>1</v>
      </c>
      <c r="E35" s="125">
        <v>3</v>
      </c>
      <c r="F35" s="125">
        <v>1</v>
      </c>
      <c r="G35" s="458"/>
      <c r="H35" s="458"/>
      <c r="J35" s="125">
        <v>290</v>
      </c>
      <c r="K35" s="125">
        <v>3</v>
      </c>
      <c r="L35" s="125">
        <v>7</v>
      </c>
      <c r="M35" s="125">
        <v>1</v>
      </c>
      <c r="N35" s="125">
        <v>19</v>
      </c>
      <c r="O35" s="2"/>
      <c r="P35" s="125">
        <v>290</v>
      </c>
      <c r="Q35" s="125">
        <v>3</v>
      </c>
      <c r="R35" s="125">
        <v>6</v>
      </c>
      <c r="T35" s="125">
        <v>290</v>
      </c>
      <c r="U35" s="125">
        <v>1</v>
      </c>
      <c r="V35" s="125">
        <v>19</v>
      </c>
      <c r="W35" s="133"/>
    </row>
    <row r="36" spans="2:27" ht="9.4">
      <c r="B36" s="132"/>
      <c r="C36" s="125">
        <v>300</v>
      </c>
      <c r="D36" s="125">
        <v>1</v>
      </c>
      <c r="E36" s="125">
        <v>3</v>
      </c>
      <c r="F36" s="125">
        <v>1</v>
      </c>
      <c r="G36" s="458"/>
      <c r="H36" s="458"/>
      <c r="J36" s="125">
        <v>300</v>
      </c>
      <c r="K36" s="125">
        <v>3</v>
      </c>
      <c r="L36" s="125">
        <v>7</v>
      </c>
      <c r="M36" s="125">
        <v>1</v>
      </c>
      <c r="N36" s="125">
        <v>19</v>
      </c>
      <c r="O36" s="2"/>
      <c r="P36" s="125">
        <v>300</v>
      </c>
      <c r="Q36" s="125">
        <v>3</v>
      </c>
      <c r="R36" s="125">
        <v>6</v>
      </c>
      <c r="T36" s="125">
        <v>300</v>
      </c>
      <c r="U36" s="125">
        <v>1</v>
      </c>
      <c r="V36" s="125">
        <v>19</v>
      </c>
      <c r="W36" s="133"/>
    </row>
    <row r="37" spans="2:27" ht="9.4">
      <c r="B37" s="132"/>
      <c r="C37" s="125">
        <v>500</v>
      </c>
      <c r="D37" s="125">
        <v>1</v>
      </c>
      <c r="E37" s="125">
        <v>5</v>
      </c>
      <c r="F37" s="125">
        <v>1</v>
      </c>
      <c r="G37" s="459"/>
      <c r="H37" s="459"/>
      <c r="J37" s="125">
        <v>500</v>
      </c>
      <c r="K37" s="125">
        <v>5</v>
      </c>
      <c r="L37" s="125">
        <v>12</v>
      </c>
      <c r="M37" s="125">
        <v>1</v>
      </c>
      <c r="N37" s="125">
        <v>33</v>
      </c>
      <c r="O37" s="2"/>
      <c r="P37" s="125">
        <v>500</v>
      </c>
      <c r="Q37" s="125">
        <v>5</v>
      </c>
      <c r="R37" s="125">
        <v>11</v>
      </c>
      <c r="T37" s="125">
        <v>500</v>
      </c>
      <c r="U37" s="125">
        <v>1</v>
      </c>
      <c r="V37" s="125">
        <v>33</v>
      </c>
      <c r="W37" s="133"/>
    </row>
    <row r="38" spans="2:27" ht="7.5" customHeight="1">
      <c r="B38" s="138"/>
      <c r="C38" s="139"/>
      <c r="D38" s="139"/>
      <c r="E38" s="139"/>
      <c r="F38" s="139"/>
      <c r="G38" s="139"/>
      <c r="H38" s="139"/>
      <c r="I38" s="139"/>
      <c r="J38" s="139"/>
      <c r="K38" s="139"/>
      <c r="L38" s="139"/>
      <c r="M38" s="139"/>
      <c r="N38" s="139"/>
      <c r="O38" s="145"/>
      <c r="P38" s="139"/>
      <c r="Q38" s="139"/>
      <c r="R38" s="139"/>
      <c r="S38" s="139"/>
      <c r="T38" s="139"/>
      <c r="U38" s="139"/>
      <c r="V38" s="139"/>
      <c r="W38" s="140"/>
    </row>
    <row r="41" spans="2:27" ht="9.4">
      <c r="Y41" s="127" t="s">
        <v>647</v>
      </c>
    </row>
    <row r="42" spans="2:27" ht="9.4">
      <c r="Z42" s="125" t="s">
        <v>648</v>
      </c>
      <c r="AA42" s="125" t="s">
        <v>634</v>
      </c>
    </row>
    <row r="43" spans="2:27" ht="9.4">
      <c r="Z43" s="245" t="s">
        <v>621</v>
      </c>
      <c r="AA43" s="246" t="s">
        <v>635</v>
      </c>
    </row>
    <row r="44" spans="2:27" ht="9.4">
      <c r="Z44" s="245" t="s">
        <v>622</v>
      </c>
      <c r="AA44" s="246" t="s">
        <v>636</v>
      </c>
    </row>
    <row r="45" spans="2:27" ht="9.4">
      <c r="Z45" s="245" t="s">
        <v>623</v>
      </c>
      <c r="AA45" s="246" t="s">
        <v>637</v>
      </c>
    </row>
    <row r="46" spans="2:27" ht="9.4">
      <c r="Z46" s="245" t="s">
        <v>624</v>
      </c>
      <c r="AA46" s="246" t="s">
        <v>638</v>
      </c>
    </row>
    <row r="47" spans="2:27" ht="9.4">
      <c r="Z47" s="245" t="s">
        <v>625</v>
      </c>
      <c r="AA47" s="246" t="s">
        <v>639</v>
      </c>
    </row>
    <row r="48" spans="2:27" ht="9.4">
      <c r="Z48" s="245" t="s">
        <v>626</v>
      </c>
      <c r="AA48" s="246" t="s">
        <v>640</v>
      </c>
    </row>
    <row r="49" spans="25:33" ht="9.4">
      <c r="Z49" s="245" t="s">
        <v>627</v>
      </c>
      <c r="AA49" s="246" t="s">
        <v>641</v>
      </c>
    </row>
    <row r="50" spans="25:33" ht="9.4">
      <c r="Z50" s="245" t="s">
        <v>628</v>
      </c>
      <c r="AA50" s="246" t="s">
        <v>642</v>
      </c>
    </row>
    <row r="51" spans="25:33" ht="9.4">
      <c r="Z51" s="245" t="s">
        <v>629</v>
      </c>
      <c r="AA51" s="246" t="s">
        <v>643</v>
      </c>
    </row>
    <row r="52" spans="25:33" ht="9.4">
      <c r="Z52" s="245" t="s">
        <v>630</v>
      </c>
      <c r="AA52" s="246" t="s">
        <v>643</v>
      </c>
    </row>
    <row r="53" spans="25:33" ht="9.4">
      <c r="Z53" s="245" t="s">
        <v>631</v>
      </c>
      <c r="AA53" s="246" t="s">
        <v>644</v>
      </c>
    </row>
    <row r="54" spans="25:33" ht="9.4">
      <c r="Z54" s="247" t="s">
        <v>632</v>
      </c>
      <c r="AA54" s="246" t="s">
        <v>645</v>
      </c>
    </row>
    <row r="55" spans="25:33" ht="9.4">
      <c r="Z55" s="247" t="s">
        <v>633</v>
      </c>
      <c r="AA55" s="462" t="s">
        <v>646</v>
      </c>
    </row>
    <row r="56" spans="25:33" ht="18" customHeight="1">
      <c r="Z56" s="248"/>
      <c r="AA56" s="463"/>
    </row>
    <row r="59" spans="25:33" ht="18" customHeight="1">
      <c r="Y59" s="127"/>
    </row>
    <row r="60" spans="25:33" ht="18" customHeight="1">
      <c r="Y60" s="127"/>
    </row>
    <row r="61" spans="25:33" ht="18" customHeight="1">
      <c r="Y61" s="127"/>
      <c r="AG61" s="127"/>
    </row>
  </sheetData>
  <mergeCells count="5">
    <mergeCell ref="J5:N5"/>
    <mergeCell ref="H8:H37"/>
    <mergeCell ref="G8:G37"/>
    <mergeCell ref="C3:W3"/>
    <mergeCell ref="AA55:AA56"/>
  </mergeCells>
  <phoneticPr fontId="1"/>
  <pageMargins left="0.7" right="0.7" top="0.75" bottom="0.75" header="0.3" footer="0.3"/>
  <pageSetup paperSize="9" orientation="portrai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4</vt:i4>
      </vt:variant>
    </vt:vector>
  </HeadingPairs>
  <TitlesOfParts>
    <vt:vector size="10" baseType="lpstr">
      <vt:lpstr>自主点検表（7-(1)）</vt:lpstr>
      <vt:lpstr>根拠法令等</vt:lpstr>
      <vt:lpstr>入所者一覧表</vt:lpstr>
      <vt:lpstr>前年度の施設入所者等の状況</vt:lpstr>
      <vt:lpstr>防災訓練の実施状況</vt:lpstr>
      <vt:lpstr>別表１</vt:lpstr>
      <vt:lpstr>'自主点検表（7-(1)）'!Print_Area</vt:lpstr>
      <vt:lpstr>入所者一覧表!Print_Area</vt:lpstr>
      <vt:lpstr>防災訓練の実施状況!Print_Area</vt:lpstr>
      <vt:lpstr>'自主点検表（7-(1)）'!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naibu</dc:creator>
  <cp:lastModifiedBy>俵積田　章展</cp:lastModifiedBy>
  <cp:lastPrinted>2024-02-14T03:01:33Z</cp:lastPrinted>
  <dcterms:created xsi:type="dcterms:W3CDTF">2022-09-02T03:00:09Z</dcterms:created>
  <dcterms:modified xsi:type="dcterms:W3CDTF">2024-02-14T11:49:13Z</dcterms:modified>
</cp:coreProperties>
</file>